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26. ŠZM pre interv kardiológiu - 6 častí\PTK\"/>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192</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53" i="8" l="1"/>
  <c r="E45" i="8"/>
  <c r="E49" i="8" l="1"/>
  <c r="E42" i="8" l="1"/>
  <c r="E39" i="8"/>
  <c r="E36" i="8" l="1"/>
</calcChain>
</file>

<file path=xl/sharedStrings.xml><?xml version="1.0" encoding="utf-8"?>
<sst xmlns="http://schemas.openxmlformats.org/spreadsheetml/2006/main" count="284" uniqueCount="21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0.</t>
  </si>
  <si>
    <t>11.</t>
  </si>
  <si>
    <t>12.</t>
  </si>
  <si>
    <t>13.</t>
  </si>
  <si>
    <t>14.</t>
  </si>
  <si>
    <t>15.</t>
  </si>
  <si>
    <t>16.</t>
  </si>
  <si>
    <t>17.</t>
  </si>
  <si>
    <t>xxx</t>
  </si>
  <si>
    <t>18.</t>
  </si>
  <si>
    <t>19.</t>
  </si>
  <si>
    <t>20.</t>
  </si>
  <si>
    <t>21.</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4.1</t>
  </si>
  <si>
    <t>4.2</t>
  </si>
  <si>
    <t>3.1</t>
  </si>
  <si>
    <t>3.2</t>
  </si>
  <si>
    <t>3.3</t>
  </si>
  <si>
    <t>3.4</t>
  </si>
  <si>
    <t>3.5</t>
  </si>
  <si>
    <t>3</t>
  </si>
  <si>
    <t>3.1.b)  Zoznam častí a položiek:</t>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 xml:space="preserve">Názov časti predmetu zákazky/názov položky predmetu zákazky </t>
  </si>
  <si>
    <t>Položka č. 1</t>
  </si>
  <si>
    <t>Položka č. 2</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33141200-2 Katétre</t>
  </si>
  <si>
    <t>33141240-4 Príslušenstvo ku katétrom</t>
  </si>
  <si>
    <t xml:space="preserve">Požadovaný počet MJ na obdobie 36 mesiacov
</t>
  </si>
  <si>
    <t xml:space="preserve">Špeciálny zdravotnícky materiá pre intervenčnú kardiológiu </t>
  </si>
  <si>
    <t xml:space="preserve">Špeciálny zdravotnícky materiá pre intervenčnú kardiológiu. </t>
  </si>
  <si>
    <t>Áno - 6 častí</t>
  </si>
  <si>
    <r>
      <t>Predmet zákazky je rozdelený na 6 samostatných častí</t>
    </r>
    <r>
      <rPr>
        <sz val="10"/>
        <rFont val="Arial"/>
        <family val="2"/>
        <charset val="238"/>
      </rPr>
      <t>.</t>
    </r>
  </si>
  <si>
    <t>Angiografický set I.</t>
  </si>
  <si>
    <t>Angiografický set II.</t>
  </si>
  <si>
    <t xml:space="preserve">Časť č. 1 - Špeciálny zdravotnícky materiál pre intervenčnú kardiológiu s osobitným zreteľom na riadené kontrastné infúzie pri angiografii </t>
  </si>
  <si>
    <t>Časť č. 2 - Špeciálny zdravotnícky materiál k prístroju Rotablátor Systém</t>
  </si>
  <si>
    <t>Katéter</t>
  </si>
  <si>
    <t>Časť č. 3 - Špeciálny zdravotnícky materiál pre intervenčnú kardiológiu s osobitným zreteľom na cievny uzatvárací systém</t>
  </si>
  <si>
    <t>Cievny uzatvárací systém</t>
  </si>
  <si>
    <t>Časť č. 4 - Špeciálny zdravotnícky materiál pre intervenčnú kardiológiu s osobitným zreteľom na valvuloplastický katéter</t>
  </si>
  <si>
    <t>Časť č. 5 - Špeciálny zdravotnícky materiál pre intervenčnú kardiológiu osobitným zreteľom na konkrezistentný zavádzač</t>
  </si>
  <si>
    <t>Konkrezistentný zavádzač</t>
  </si>
  <si>
    <t xml:space="preserve"> Valvuloplastický katéter</t>
  </si>
  <si>
    <t>Položka č. 1 - Angiografický set I.</t>
  </si>
  <si>
    <t xml:space="preserve">Ručný ovládač umožňuje precíznu reguláciu prietoku a objemu vstrekovanej kontrastnej látky, prepojenie na Injektor Acist Cvi. </t>
  </si>
  <si>
    <t xml:space="preserve">Má dve tlačidlá: </t>
  </si>
  <si>
    <t>AT-P65 dĺžka vysokotlakovej hadice je 65 inch (165,10 centimetra)</t>
  </si>
  <si>
    <t>AT-P54 dĺžka vysokotlakovej hadice je 54 inch (137,16 centimetra).</t>
  </si>
  <si>
    <t xml:space="preserve">
Požaduje sa špeciálny zdravotnícky materiál pre intervenčnú kardiológiu s osobitným zreteľom na riadené kontrastné infúzie angiografických postupov.
</t>
  </si>
  <si>
    <t>horné tlačidlo, označené ako C, spúšťa a reguluje prietok vstrekovanej kontrastnej látky</t>
  </si>
  <si>
    <t>spodné tlačidlo, označené ako S, spúšťa a zastavuje prepláchnutie fyziologickým roztokom.</t>
  </si>
  <si>
    <t>Trojcestný vysokotlakový uzatvárací kohút s otočnou koncovkou.</t>
  </si>
  <si>
    <t>Vysokotlakovú hadicu rôznych dĺžok:</t>
  </si>
  <si>
    <t>5.1</t>
  </si>
  <si>
    <t>5.2</t>
  </si>
  <si>
    <t>Položka č. 2 - Angiografický set II.</t>
  </si>
  <si>
    <t xml:space="preserve">
Tlakový prevodník so zbernou hadicou, hadicou fyziologického roztoku, hrotom fyziologického roztoku, ručnou striekačkou.
</t>
  </si>
  <si>
    <t xml:space="preserve">Multi-use Syringe s 100 ml striekačkou, hrotom fyziologického roztoku, hadicou na kontrastnú látku a posuvnou svorkou. </t>
  </si>
  <si>
    <t xml:space="preserve">
Ručný ovládač, ktorý umožňuje precíznu reguláciu prietoku a objemu vstrekovanej kontrastnej látky, prepojenie na Injektor Acist Cvi. 
</t>
  </si>
  <si>
    <t>Má dve tlačidlá:</t>
  </si>
  <si>
    <t>Vysokotlaková hadica rôznych dĺžok:</t>
  </si>
  <si>
    <t>6.1</t>
  </si>
  <si>
    <t>6.2</t>
  </si>
  <si>
    <t>Položka č. 1 – Katéter</t>
  </si>
  <si>
    <t xml:space="preserve">
Požaduje sa špeciálny zdravotnícky materiál pre intervenčnú kardiológiu s osobitným zreteľom na špeciálny zdravotnícky materiál k prístroju Rotablator Systém:
</t>
  </si>
  <si>
    <t>musí byť kompatibilný s prístrojom Rotablator Systém,</t>
  </si>
  <si>
    <t>1.1</t>
  </si>
  <si>
    <t>1.2</t>
  </si>
  <si>
    <t>1.3</t>
  </si>
  <si>
    <t>1.4</t>
  </si>
  <si>
    <t>1.5</t>
  </si>
  <si>
    <t>1.6</t>
  </si>
  <si>
    <t>1.7</t>
  </si>
  <si>
    <t>1.8</t>
  </si>
  <si>
    <t>1.9</t>
  </si>
  <si>
    <t>1.10</t>
  </si>
  <si>
    <t>1.11</t>
  </si>
  <si>
    <t>musí obsahovať vrtáčik, špirálovitý hnací hriadeľ, plášť, prípojku katétra a telo katétra,</t>
  </si>
  <si>
    <t>vrtáčik musí otáčaním umožňovať vykonávanie ablácie okluzívneho tkaniva,</t>
  </si>
  <si>
    <t>požadovaná dĺžka katétra min. 135 cm,</t>
  </si>
  <si>
    <t>požadovaná veľkosť vrtáčikov: 1,25 mm; 1,5 mm; 1,75 mm; 2,0 mm; 2,15 mm; 2,25 mm; 2,38 mm; 2,5 mm;</t>
  </si>
  <si>
    <t>požadovaný priemer plášťa: 1,4 mm (0,058 in), skosenie smerom dopredu,</t>
  </si>
  <si>
    <t>hriadeľ lubrikovaný fyziologickým roztokom,</t>
  </si>
  <si>
    <t>proximálny koniec hriadeľa musí byť trvale pripojený k telu katétra a následne k zavádzaču.</t>
  </si>
  <si>
    <t>Položka č. 1 - Cievny uzatvárací systém</t>
  </si>
  <si>
    <t xml:space="preserve">So zreteľom na uzatváranie katetrizačného prístupu z femorálnej artérie špeciálne do 25F vonkajšieho diametra. </t>
  </si>
  <si>
    <t xml:space="preserve">Indikovaný na použitie po transkatétrovej implantácii aortálnej chlopne a perkutánnej implantácii podporných komorových systémov (PVAD, ECMO, PulsCath) ako aj po ednovaskulárnych technikách. </t>
  </si>
  <si>
    <t>18F systém je indikovaný na uzavretie punkcie po použití 15-18F (maximálny vonkajší priemer 25F).</t>
  </si>
  <si>
    <t xml:space="preserve">Požaduje sa veľkosť systému 14F je indikovaný po použití 10-14F pošvičiek. </t>
  </si>
  <si>
    <t>Položka č. 1 - Valvuloplastický katéter</t>
  </si>
  <si>
    <t xml:space="preserve">Požaduje sa špeciálny zdravotnícky materiál pre intervenčnú kardiológiu s osobitným zreteľom na valvuloplastický katéter: </t>
  </si>
  <si>
    <t>používa sa pri liečbe stenózy aortálnej chlopne a zaručuje optimálny výkon v inštalácii TAVI</t>
  </si>
  <si>
    <t>valvuloplastický katéter pre dospelých a špeciálny dizajn TYP B umožňuje presné a ľahké umiestnenie, čo zaisťuje vynikajúcu stabilitu valvuloplastického balóna, zaručuje optimálny výkon pri Transuluminalnej aortálnej valvuloplastickej intervencii</t>
  </si>
  <si>
    <t>požaduje sa nominálny priemer: 15 mm, 16 mm, 18 mm, 20 mm, 23 mm, 25 mm, 28 mm, 30 mm, 35 mm</t>
  </si>
  <si>
    <t>dĺžka balóna: 25 mm, 30 mm, 40 mm, 45 mm, 50 mm, 60 mm</t>
  </si>
  <si>
    <t>rozmer zavádzača: 7 F, 8 F, 9 F, 10 F, 12 F, 16 F</t>
  </si>
  <si>
    <t>priemer vodiaceho drôtu: .035", .038"</t>
  </si>
  <si>
    <t xml:space="preserve">kapacita balóna (ml): 7,5; 9; 10; 11; 12; 13; 15; 15,2; 17,5; 18; 19; 20; 21; 22; 23; 27; 28; 29; 35; 40; 44; 53; 65; 90 ml. </t>
  </si>
  <si>
    <t>Položka č. 1 - Konkrezistentný zavádzač</t>
  </si>
  <si>
    <t>Požaduje sa špeciálny zdravotnícky materiál pre intervenčnú kardiológiu s osobitným zreteľom na konkrezistentný zavádzač:</t>
  </si>
  <si>
    <t>dvojito taperované pre ľahké a bezpečné zavádzanie</t>
  </si>
  <si>
    <t>požadujú sa veľkosti 14F, 16F, 18F a 20F, na 0,035 vodič s hemostatickou chlopňou zabraňujúcou aspirácii a minimalizáciou krvácania.</t>
  </si>
  <si>
    <t>Merná jednotka
(MJ)</t>
  </si>
  <si>
    <t>33141210-5 Balónikové katétre</t>
  </si>
  <si>
    <t xml:space="preserve">33111710-1 Angiografický spotrebný materiál </t>
  </si>
  <si>
    <t>33141300-3 Punkcia ciev, prístroje na odber vzoriek krvi</t>
  </si>
  <si>
    <t>tovar, služba</t>
  </si>
  <si>
    <t>Požaduje sa uzatvorenie Rámcovej dohody, a to na dohodnuté zmluvné obdobie tridsiatichšiestich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2.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Rámcovú dohod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Rámcovej dohod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Položka č. 1 - Intravaskulárny litotriptický (IVL) katéter</t>
  </si>
  <si>
    <t>Určený na nízkotlakovú balónikovú dilatáciu kalcifikovaných stenóz.</t>
  </si>
  <si>
    <t xml:space="preserve">Požaduje sa špeciálny zdravotnícky materiál pre intervenčnú kardiológiu s osobitným zreteľom na cievny uzatvárací systém špeciálny uzatvárací systém pozostávajúci z dvojzložkového vstrebateľného materiálu s RTG markerom. </t>
  </si>
  <si>
    <t>použiteľný pri implantácií aortálnej chlopne (TAVI)</t>
  </si>
  <si>
    <t>Požadovaný rozmer balónikov vo veľkostiach medzi a vrátane 2,5 – 4 mm v priemeroch zväčšujúcich sa o 0,5 mm.</t>
  </si>
  <si>
    <t>Katéter musí byť kompatibilné k riadiacej jednotke – generátoru, ku ktorému sa napájajú magnetickým pripojovacím káblom, ktorý je súčasťou generátora.</t>
  </si>
  <si>
    <t>vrtáčik musí byť pokrytý diamantovou vrstvou a telo musí byť pokryté jemnými diamantovými časticami,</t>
  </si>
  <si>
    <t>vrtáčik musí byť poháňaný pružným špirálovitým hnacím hriadeľom, ktorého stredový lumen umožňuje priechod vodiaceho drôtu,</t>
  </si>
  <si>
    <t>prípojka zavádzača spoločne s prípojkou katétra musia umožňovať oddelenie a spätné pripojenie katétra a zavádzača,</t>
  </si>
  <si>
    <t>Časť č. 6 - Špeciálny zdravotnícky materiál pre intervenčnú kardiológiu so zreteľom na intravaskulárny litotriptický (IVL) katéter</t>
  </si>
  <si>
    <t>Intravaskulárny litotriptický (IVL) katét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u/>
      <sz val="10"/>
      <color theme="1"/>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6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thin">
        <color auto="1"/>
      </left>
      <right style="medium">
        <color indexed="64"/>
      </right>
      <top/>
      <bottom style="thin">
        <color auto="1"/>
      </bottom>
      <diagonal/>
    </border>
    <border>
      <left style="thin">
        <color auto="1"/>
      </left>
      <right style="medium">
        <color indexed="64"/>
      </right>
      <top/>
      <bottom/>
      <diagonal/>
    </border>
    <border>
      <left style="medium">
        <color auto="1"/>
      </left>
      <right/>
      <top style="thin">
        <color auto="1"/>
      </top>
      <bottom style="thin">
        <color auto="1"/>
      </bottom>
      <diagonal/>
    </border>
    <border>
      <left style="thin">
        <color auto="1"/>
      </left>
      <right style="thin">
        <color auto="1"/>
      </right>
      <top style="medium">
        <color auto="1"/>
      </top>
      <bottom style="thin">
        <color indexed="64"/>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auto="1"/>
      </left>
      <right style="thin">
        <color auto="1"/>
      </right>
      <top/>
      <bottom style="dotted">
        <color indexed="64"/>
      </bottom>
      <diagonal/>
    </border>
    <border>
      <left/>
      <right style="thin">
        <color auto="1"/>
      </right>
      <top style="thin">
        <color auto="1"/>
      </top>
      <bottom/>
      <diagonal/>
    </border>
    <border>
      <left style="dotted">
        <color auto="1"/>
      </left>
      <right style="thin">
        <color auto="1"/>
      </right>
      <top style="dotted">
        <color auto="1"/>
      </top>
      <bottom style="thin">
        <color indexed="64"/>
      </bottom>
      <diagonal/>
    </border>
    <border>
      <left style="dotted">
        <color auto="1"/>
      </left>
      <right style="thin">
        <color auto="1"/>
      </right>
      <top/>
      <bottom style="thin">
        <color auto="1"/>
      </bottom>
      <diagonal/>
    </border>
    <border>
      <left style="medium">
        <color indexed="64"/>
      </left>
      <right style="thin">
        <color auto="1"/>
      </right>
      <top style="thin">
        <color auto="1"/>
      </top>
      <bottom style="medium">
        <color indexed="64"/>
      </bottom>
      <diagonal/>
    </border>
    <border>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style="dotted">
        <color auto="1"/>
      </left>
      <right style="thin">
        <color auto="1"/>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1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8"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4" fillId="0" borderId="12"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4" fillId="0" borderId="21"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2" fillId="0" borderId="12" xfId="0" applyNumberFormat="1" applyFont="1" applyBorder="1" applyAlignment="1">
      <alignment horizontal="center" vertical="center" wrapText="1"/>
    </xf>
    <xf numFmtId="0" fontId="2" fillId="0" borderId="24" xfId="0" applyNumberFormat="1" applyFont="1" applyBorder="1" applyAlignment="1">
      <alignment horizontal="center" vertical="center" wrapText="1"/>
    </xf>
    <xf numFmtId="49" fontId="2" fillId="0" borderId="20" xfId="0" applyNumberFormat="1" applyFont="1" applyBorder="1" applyAlignment="1">
      <alignment horizontal="center" vertical="center"/>
    </xf>
    <xf numFmtId="0" fontId="7" fillId="0" borderId="29"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49" fontId="2" fillId="0" borderId="25"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12"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4" xfId="0" applyNumberFormat="1" applyFont="1" applyFill="1" applyBorder="1" applyAlignment="1">
      <alignment horizontal="center" vertical="center" wrapText="1"/>
    </xf>
    <xf numFmtId="49" fontId="4" fillId="0" borderId="12" xfId="0" applyNumberFormat="1" applyFont="1" applyFill="1" applyBorder="1" applyAlignment="1">
      <alignment vertical="center" wrapText="1"/>
    </xf>
    <xf numFmtId="0" fontId="2" fillId="0" borderId="28" xfId="0" applyNumberFormat="1" applyFont="1" applyBorder="1" applyAlignment="1">
      <alignment horizontal="center" vertical="center" wrapText="1"/>
    </xf>
    <xf numFmtId="0" fontId="13" fillId="0" borderId="12" xfId="0" applyFont="1" applyBorder="1" applyAlignment="1">
      <alignment vertical="center" wrapText="1"/>
    </xf>
    <xf numFmtId="49" fontId="2" fillId="0" borderId="20" xfId="0" applyNumberFormat="1" applyFont="1" applyBorder="1" applyAlignment="1">
      <alignment horizontal="right" vertical="center"/>
    </xf>
    <xf numFmtId="49" fontId="2" fillId="0" borderId="9" xfId="0" applyNumberFormat="1" applyFont="1" applyBorder="1" applyAlignment="1">
      <alignment horizontal="center" vertical="center" wrapText="1"/>
    </xf>
    <xf numFmtId="49" fontId="2" fillId="0" borderId="23" xfId="0" applyNumberFormat="1" applyFont="1" applyFill="1" applyBorder="1" applyAlignment="1">
      <alignment horizontal="center" vertical="center" wrapText="1"/>
    </xf>
    <xf numFmtId="0" fontId="2" fillId="0" borderId="33"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0" fillId="6" borderId="0" xfId="0" applyFill="1"/>
    <xf numFmtId="0" fontId="2" fillId="0" borderId="0" xfId="0" applyFont="1" applyAlignment="1">
      <alignment horizontal="center" vertical="center" wrapText="1"/>
    </xf>
    <xf numFmtId="0" fontId="2" fillId="0" borderId="31"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30" xfId="0" applyNumberFormat="1" applyFont="1" applyBorder="1" applyAlignment="1">
      <alignment horizontal="left" vertical="center" wrapText="1"/>
    </xf>
    <xf numFmtId="49" fontId="2" fillId="0" borderId="30" xfId="0" applyNumberFormat="1" applyFont="1" applyBorder="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3" fontId="2" fillId="0" borderId="36" xfId="0" applyNumberFormat="1" applyFont="1" applyBorder="1" applyAlignment="1">
      <alignment horizontal="center" vertical="center" wrapText="1"/>
    </xf>
    <xf numFmtId="0" fontId="2" fillId="0" borderId="37" xfId="0" applyFont="1" applyBorder="1" applyAlignment="1">
      <alignment vertical="center" wrapText="1"/>
    </xf>
    <xf numFmtId="3" fontId="2" fillId="0" borderId="38" xfId="0" applyNumberFormat="1" applyFont="1" applyFill="1" applyBorder="1" applyAlignment="1">
      <alignment horizontal="center" vertical="center" wrapText="1"/>
    </xf>
    <xf numFmtId="0" fontId="2" fillId="7" borderId="0" xfId="0" applyFont="1" applyFill="1" applyBorder="1" applyAlignment="1">
      <alignment horizontal="center" vertical="center" wrapText="1"/>
    </xf>
    <xf numFmtId="0" fontId="2" fillId="7" borderId="38" xfId="0" applyFont="1" applyFill="1" applyBorder="1" applyAlignment="1">
      <alignment horizontal="center" vertical="center" wrapText="1"/>
    </xf>
    <xf numFmtId="0" fontId="2" fillId="0" borderId="0" xfId="0" applyFont="1" applyBorder="1" applyAlignment="1">
      <alignment vertical="center" wrapText="1"/>
    </xf>
    <xf numFmtId="0" fontId="3" fillId="0" borderId="38" xfId="0" applyFont="1" applyBorder="1" applyAlignment="1">
      <alignment horizontal="center" vertical="center" wrapText="1"/>
    </xf>
    <xf numFmtId="0" fontId="4" fillId="0" borderId="33"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4" fillId="7" borderId="41" xfId="0" applyFont="1" applyFill="1" applyBorder="1" applyAlignment="1">
      <alignment horizontal="left" vertical="center" wrapText="1"/>
    </xf>
    <xf numFmtId="0" fontId="4" fillId="0" borderId="28"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0" borderId="27" xfId="0" applyFont="1" applyFill="1" applyBorder="1" applyAlignment="1">
      <alignment horizontal="left" vertical="center" wrapText="1"/>
    </xf>
    <xf numFmtId="0" fontId="13" fillId="7" borderId="0" xfId="0" applyFont="1" applyFill="1" applyBorder="1" applyAlignment="1">
      <alignment horizontal="justify" vertical="center"/>
    </xf>
    <xf numFmtId="0" fontId="4" fillId="7" borderId="12"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5" xfId="0" applyFont="1" applyFill="1" applyBorder="1" applyAlignment="1">
      <alignment horizontal="left" vertical="center" wrapText="1"/>
    </xf>
    <xf numFmtId="49" fontId="2" fillId="0" borderId="12" xfId="0" applyNumberFormat="1" applyFont="1" applyFill="1" applyBorder="1" applyAlignment="1">
      <alignment horizontal="center" vertical="center" wrapText="1"/>
    </xf>
    <xf numFmtId="0" fontId="4" fillId="7" borderId="21" xfId="0" applyFont="1" applyFill="1" applyBorder="1" applyAlignment="1">
      <alignment horizontal="left" vertical="center" wrapText="1"/>
    </xf>
    <xf numFmtId="49" fontId="2" fillId="0" borderId="34" xfId="0" applyNumberFormat="1" applyFont="1" applyFill="1" applyBorder="1" applyAlignment="1">
      <alignment horizontal="right" vertical="center" wrapText="1"/>
    </xf>
    <xf numFmtId="49" fontId="2" fillId="0" borderId="45" xfId="0" applyNumberFormat="1" applyFont="1" applyFill="1" applyBorder="1" applyAlignment="1">
      <alignment horizontal="right" vertical="center" wrapText="1"/>
    </xf>
    <xf numFmtId="49" fontId="2" fillId="0" borderId="43" xfId="0" applyNumberFormat="1" applyFont="1" applyFill="1" applyBorder="1" applyAlignment="1">
      <alignment horizontal="right" vertical="center" wrapText="1"/>
    </xf>
    <xf numFmtId="49" fontId="2" fillId="0" borderId="44" xfId="0" applyNumberFormat="1" applyFont="1" applyFill="1" applyBorder="1" applyAlignment="1">
      <alignment horizontal="center" vertical="center" wrapText="1"/>
    </xf>
    <xf numFmtId="0" fontId="13" fillId="0" borderId="0" xfId="0" applyFont="1" applyBorder="1" applyAlignment="1">
      <alignment vertical="center" wrapText="1"/>
    </xf>
    <xf numFmtId="49" fontId="10" fillId="0" borderId="9" xfId="0" applyNumberFormat="1" applyFont="1" applyBorder="1" applyAlignment="1">
      <alignment horizontal="left" vertical="center" wrapText="1"/>
    </xf>
    <xf numFmtId="0" fontId="2" fillId="0" borderId="0" xfId="0" applyFont="1" applyBorder="1" applyAlignment="1">
      <alignment horizontal="left" vertical="center" wrapText="1"/>
    </xf>
    <xf numFmtId="0" fontId="2" fillId="0" borderId="0" xfId="0" applyFont="1" applyAlignment="1">
      <alignment horizontal="center" vertical="center" wrapText="1"/>
    </xf>
    <xf numFmtId="49" fontId="2" fillId="0" borderId="6" xfId="0" applyNumberFormat="1" applyFont="1" applyBorder="1" applyAlignment="1">
      <alignment vertical="center" wrapText="1"/>
    </xf>
    <xf numFmtId="49" fontId="2" fillId="0" borderId="8" xfId="0" applyNumberFormat="1" applyFont="1" applyBorder="1" applyAlignment="1">
      <alignment horizontal="right" vertical="center"/>
    </xf>
    <xf numFmtId="3" fontId="2" fillId="0" borderId="0" xfId="0" applyNumberFormat="1" applyFont="1" applyFill="1" applyBorder="1" applyAlignment="1">
      <alignment horizontal="center" vertical="center" wrapText="1"/>
    </xf>
    <xf numFmtId="0" fontId="3" fillId="0" borderId="0" xfId="0" applyFont="1" applyBorder="1" applyAlignment="1">
      <alignment horizontal="right" vertical="center" wrapText="1"/>
    </xf>
    <xf numFmtId="49" fontId="2" fillId="0" borderId="34"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0" xfId="0" applyFont="1" applyBorder="1" applyAlignment="1">
      <alignment horizontal="left" vertical="center" wrapText="1"/>
    </xf>
    <xf numFmtId="16" fontId="5" fillId="0" borderId="0" xfId="0" applyNumberFormat="1" applyFont="1" applyFill="1" applyAlignment="1">
      <alignment horizontal="left" vertical="top" wrapText="1"/>
    </xf>
    <xf numFmtId="0" fontId="2" fillId="0" borderId="36" xfId="0" applyFont="1" applyBorder="1" applyAlignment="1">
      <alignment horizontal="left" vertical="center" wrapText="1"/>
    </xf>
    <xf numFmtId="0" fontId="4" fillId="7" borderId="0" xfId="0" applyFont="1" applyFill="1" applyAlignment="1">
      <alignment horizontal="left" vertical="center" wrapText="1"/>
    </xf>
    <xf numFmtId="0" fontId="3" fillId="0" borderId="37" xfId="0" applyFont="1" applyBorder="1" applyAlignment="1">
      <alignment horizontal="left" vertical="center" wrapText="1"/>
    </xf>
    <xf numFmtId="0" fontId="3" fillId="0" borderId="39" xfId="0" applyFont="1" applyBorder="1" applyAlignment="1">
      <alignment horizontal="left" vertical="center" wrapText="1"/>
    </xf>
    <xf numFmtId="3" fontId="3" fillId="0" borderId="40" xfId="0" applyNumberFormat="1" applyFont="1" applyFill="1" applyBorder="1" applyAlignment="1">
      <alignment horizontal="center" vertical="center" wrapText="1"/>
    </xf>
    <xf numFmtId="0" fontId="2" fillId="0" borderId="0" xfId="0" applyFont="1" applyAlignment="1">
      <alignment horizontal="center" vertical="center"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49" fontId="4" fillId="0" borderId="8" xfId="0" applyNumberFormat="1" applyFont="1" applyFill="1" applyBorder="1" applyAlignment="1">
      <alignment horizontal="center" vertical="center" wrapText="1"/>
    </xf>
    <xf numFmtId="49" fontId="4" fillId="0" borderId="6" xfId="0" applyNumberFormat="1" applyFont="1" applyFill="1" applyBorder="1" applyAlignment="1">
      <alignment vertical="center" wrapText="1"/>
    </xf>
    <xf numFmtId="0" fontId="13" fillId="0" borderId="12" xfId="0" applyFont="1" applyBorder="1" applyAlignment="1">
      <alignment wrapText="1"/>
    </xf>
    <xf numFmtId="49" fontId="2" fillId="0" borderId="8" xfId="0" applyNumberFormat="1" applyFont="1" applyBorder="1" applyAlignment="1">
      <alignment horizontal="center" vertical="center" wrapText="1"/>
    </xf>
    <xf numFmtId="49" fontId="14" fillId="0" borderId="9" xfId="0" applyNumberFormat="1" applyFont="1" applyBorder="1" applyAlignment="1">
      <alignment horizontal="left" vertical="center" wrapText="1"/>
    </xf>
    <xf numFmtId="49" fontId="4" fillId="0" borderId="47" xfId="0" applyNumberFormat="1" applyFont="1" applyFill="1" applyBorder="1" applyAlignment="1">
      <alignment horizontal="left" vertical="center" wrapText="1"/>
    </xf>
    <xf numFmtId="49" fontId="2" fillId="0" borderId="6" xfId="0" applyNumberFormat="1" applyFont="1" applyBorder="1" applyAlignment="1">
      <alignment vertical="center"/>
    </xf>
    <xf numFmtId="49" fontId="2" fillId="0" borderId="20" xfId="0" applyNumberFormat="1" applyFont="1" applyBorder="1" applyAlignment="1">
      <alignment vertical="center"/>
    </xf>
    <xf numFmtId="0" fontId="2" fillId="0" borderId="12" xfId="0" applyFont="1" applyBorder="1" applyAlignment="1">
      <alignment vertical="center" wrapText="1"/>
    </xf>
    <xf numFmtId="0" fontId="2" fillId="0" borderId="12" xfId="0" applyNumberFormat="1" applyFont="1" applyBorder="1" applyAlignment="1">
      <alignment vertical="center" wrapText="1"/>
    </xf>
    <xf numFmtId="49" fontId="2" fillId="0" borderId="9" xfId="0" applyNumberFormat="1" applyFont="1" applyBorder="1" applyAlignment="1">
      <alignment vertical="center" wrapText="1"/>
    </xf>
    <xf numFmtId="49" fontId="4" fillId="0" borderId="12" xfId="0" applyNumberFormat="1" applyFont="1" applyBorder="1" applyAlignment="1">
      <alignment vertical="center" wrapText="1"/>
    </xf>
    <xf numFmtId="49" fontId="4" fillId="0" borderId="48" xfId="0" applyNumberFormat="1" applyFont="1" applyBorder="1" applyAlignment="1">
      <alignment vertical="center" wrapText="1"/>
    </xf>
    <xf numFmtId="49" fontId="4" fillId="0" borderId="49" xfId="0" applyNumberFormat="1" applyFont="1" applyBorder="1" applyAlignment="1">
      <alignment vertical="center" wrapText="1"/>
    </xf>
    <xf numFmtId="49" fontId="2" fillId="0" borderId="50" xfId="0" applyNumberFormat="1" applyFont="1" applyBorder="1" applyAlignment="1">
      <alignment horizontal="center" vertical="center" wrapText="1"/>
    </xf>
    <xf numFmtId="49" fontId="2" fillId="0" borderId="51" xfId="0" applyNumberFormat="1" applyFont="1" applyBorder="1" applyAlignment="1">
      <alignment vertical="center" wrapText="1"/>
    </xf>
    <xf numFmtId="0" fontId="2" fillId="0" borderId="52" xfId="0" applyNumberFormat="1" applyFont="1" applyBorder="1" applyAlignment="1">
      <alignment horizontal="center" vertical="center" wrapText="1"/>
    </xf>
    <xf numFmtId="49" fontId="2" fillId="0" borderId="53" xfId="0" applyNumberFormat="1" applyFont="1" applyBorder="1" applyAlignment="1">
      <alignment horizontal="left" vertical="center" wrapText="1"/>
    </xf>
    <xf numFmtId="3" fontId="2" fillId="7" borderId="38" xfId="0" applyNumberFormat="1" applyFont="1" applyFill="1" applyBorder="1" applyAlignment="1">
      <alignment horizontal="center" vertical="center" wrapText="1"/>
    </xf>
    <xf numFmtId="3" fontId="3" fillId="0" borderId="38" xfId="0" applyNumberFormat="1" applyFont="1" applyBorder="1" applyAlignment="1">
      <alignment horizontal="center" vertical="center" wrapText="1"/>
    </xf>
    <xf numFmtId="0" fontId="3" fillId="2" borderId="12" xfId="0" applyFont="1" applyFill="1" applyBorder="1" applyAlignment="1">
      <alignment horizontal="left" vertical="top" wrapText="1"/>
    </xf>
    <xf numFmtId="0" fontId="3" fillId="2" borderId="5" xfId="0" applyFont="1" applyFill="1" applyBorder="1" applyAlignment="1">
      <alignment vertical="top" wrapText="1"/>
    </xf>
    <xf numFmtId="0" fontId="3" fillId="2" borderId="6" xfId="0" applyFont="1" applyFill="1" applyBorder="1" applyAlignment="1">
      <alignment vertical="top" wrapText="1"/>
    </xf>
    <xf numFmtId="0" fontId="3" fillId="2" borderId="12" xfId="0" applyFont="1" applyFill="1" applyBorder="1" applyAlignment="1">
      <alignment horizontal="center" vertical="top" wrapText="1"/>
    </xf>
    <xf numFmtId="49" fontId="2" fillId="0" borderId="50" xfId="0" applyNumberFormat="1" applyFont="1" applyFill="1" applyBorder="1" applyAlignment="1">
      <alignment horizontal="center" vertical="center" wrapText="1"/>
    </xf>
    <xf numFmtId="0" fontId="2" fillId="0" borderId="52" xfId="0" applyFont="1" applyFill="1" applyBorder="1" applyAlignment="1">
      <alignment horizontal="left" vertical="center" wrapText="1"/>
    </xf>
    <xf numFmtId="0" fontId="7" fillId="0" borderId="54" xfId="0" applyNumberFormat="1" applyFont="1" applyBorder="1" applyAlignment="1">
      <alignment horizontal="center" vertical="center" wrapText="1"/>
    </xf>
    <xf numFmtId="0" fontId="2" fillId="0" borderId="55" xfId="0" applyFont="1" applyFill="1" applyBorder="1" applyAlignment="1">
      <alignment horizontal="center" vertical="center" wrapText="1"/>
    </xf>
    <xf numFmtId="0" fontId="2" fillId="0" borderId="25" xfId="0" applyFont="1" applyFill="1" applyBorder="1" applyAlignment="1">
      <alignment horizontal="left" vertical="center" wrapText="1"/>
    </xf>
    <xf numFmtId="0" fontId="2" fillId="0" borderId="56"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57" xfId="0" applyFont="1" applyFill="1" applyBorder="1" applyAlignment="1">
      <alignment horizontal="left" vertical="center" wrapText="1"/>
    </xf>
    <xf numFmtId="0" fontId="2" fillId="0" borderId="58" xfId="0" applyFont="1" applyFill="1" applyBorder="1" applyAlignment="1">
      <alignment horizontal="left" vertical="center" wrapText="1"/>
    </xf>
    <xf numFmtId="0" fontId="2" fillId="0" borderId="0" xfId="0" applyFont="1" applyAlignment="1">
      <alignment horizontal="left" vertical="center"/>
    </xf>
    <xf numFmtId="0" fontId="4" fillId="7" borderId="24" xfId="0" applyFont="1" applyFill="1" applyBorder="1" applyAlignment="1">
      <alignment horizontal="left" vertical="center" wrapText="1"/>
    </xf>
    <xf numFmtId="49" fontId="2" fillId="0" borderId="46" xfId="0" applyNumberFormat="1" applyFont="1" applyFill="1" applyBorder="1" applyAlignment="1">
      <alignment horizontal="center" vertical="center" wrapText="1"/>
    </xf>
    <xf numFmtId="49" fontId="2" fillId="0" borderId="50" xfId="0" applyNumberFormat="1" applyFont="1" applyBorder="1" applyAlignment="1">
      <alignment horizontal="right" vertical="center"/>
    </xf>
    <xf numFmtId="49" fontId="4" fillId="0" borderId="52" xfId="0" applyNumberFormat="1" applyFont="1" applyFill="1" applyBorder="1" applyAlignment="1">
      <alignment vertical="center" wrapText="1"/>
    </xf>
    <xf numFmtId="0" fontId="2" fillId="0" borderId="52" xfId="0" applyNumberFormat="1" applyFont="1" applyBorder="1" applyAlignment="1">
      <alignment vertical="center" wrapText="1"/>
    </xf>
    <xf numFmtId="49" fontId="2" fillId="0" borderId="53" xfId="0" applyNumberFormat="1" applyFont="1" applyBorder="1" applyAlignment="1">
      <alignment vertical="center" wrapText="1"/>
    </xf>
    <xf numFmtId="49" fontId="2" fillId="0" borderId="50" xfId="0" applyNumberFormat="1" applyFont="1" applyBorder="1" applyAlignment="1">
      <alignment horizontal="center" vertical="center"/>
    </xf>
    <xf numFmtId="49" fontId="4" fillId="0" borderId="52" xfId="0" applyNumberFormat="1" applyFont="1" applyFill="1" applyBorder="1" applyAlignment="1">
      <alignment horizontal="left" vertical="center" wrapText="1"/>
    </xf>
    <xf numFmtId="49" fontId="4" fillId="0" borderId="61" xfId="0" applyNumberFormat="1" applyFont="1" applyBorder="1" applyAlignment="1">
      <alignment vertical="center" wrapText="1"/>
    </xf>
    <xf numFmtId="0" fontId="2" fillId="0" borderId="0" xfId="0" applyFont="1" applyBorder="1" applyAlignment="1">
      <alignment horizontal="left" vertical="center" wrapText="1"/>
    </xf>
    <xf numFmtId="0" fontId="3" fillId="3" borderId="37" xfId="0" applyFont="1" applyFill="1" applyBorder="1" applyAlignment="1">
      <alignment horizontal="left" vertical="center" wrapText="1"/>
    </xf>
    <xf numFmtId="0" fontId="3" fillId="3" borderId="0" xfId="0" applyFont="1" applyFill="1" applyBorder="1" applyAlignment="1">
      <alignment horizontal="left" vertical="center" wrapText="1"/>
    </xf>
    <xf numFmtId="0" fontId="3" fillId="3" borderId="38" xfId="0" applyFont="1" applyFill="1" applyBorder="1" applyAlignment="1">
      <alignment horizontal="left" vertical="center" wrapText="1"/>
    </xf>
    <xf numFmtId="49" fontId="5" fillId="7" borderId="10" xfId="0" applyNumberFormat="1" applyFont="1" applyFill="1" applyBorder="1" applyAlignment="1">
      <alignment horizontal="left" vertical="center" wrapText="1"/>
    </xf>
    <xf numFmtId="49" fontId="5" fillId="7" borderId="14" xfId="0" applyNumberFormat="1" applyFont="1" applyFill="1" applyBorder="1" applyAlignment="1">
      <alignment horizontal="left" vertical="center" wrapText="1"/>
    </xf>
    <xf numFmtId="49" fontId="5" fillId="7" borderId="11" xfId="0" applyNumberFormat="1" applyFont="1" applyFill="1" applyBorder="1" applyAlignment="1">
      <alignment horizontal="left" vertical="center" wrapText="1"/>
    </xf>
    <xf numFmtId="49" fontId="3" fillId="0" borderId="32" xfId="0" applyNumberFormat="1" applyFont="1" applyBorder="1" applyAlignment="1">
      <alignment horizontal="left" vertical="center"/>
    </xf>
    <xf numFmtId="49" fontId="3" fillId="0" borderId="6" xfId="0" applyNumberFormat="1" applyFont="1" applyBorder="1" applyAlignment="1">
      <alignment horizontal="left" vertical="center"/>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0" borderId="32" xfId="0" applyNumberFormat="1"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5" borderId="59" xfId="0" applyNumberFormat="1" applyFont="1" applyFill="1" applyBorder="1" applyAlignment="1">
      <alignment horizontal="left" vertical="center" wrapText="1"/>
    </xf>
    <xf numFmtId="49" fontId="3" fillId="5" borderId="36" xfId="0" applyNumberFormat="1" applyFont="1" applyFill="1" applyBorder="1" applyAlignment="1">
      <alignment horizontal="left" vertical="center" wrapText="1"/>
    </xf>
    <xf numFmtId="49" fontId="3" fillId="5" borderId="60" xfId="0" applyNumberFormat="1" applyFont="1" applyFill="1" applyBorder="1" applyAlignment="1">
      <alignment horizontal="left" vertical="center" wrapText="1"/>
    </xf>
    <xf numFmtId="49" fontId="3" fillId="5" borderId="59" xfId="0" applyNumberFormat="1" applyFont="1" applyFill="1" applyBorder="1" applyAlignment="1">
      <alignment horizontal="left" vertical="center"/>
    </xf>
    <xf numFmtId="49" fontId="3" fillId="5" borderId="36" xfId="0" applyNumberFormat="1" applyFont="1" applyFill="1" applyBorder="1" applyAlignment="1">
      <alignment horizontal="left" vertical="center"/>
    </xf>
    <xf numFmtId="49" fontId="3" fillId="5" borderId="60" xfId="0" applyNumberFormat="1" applyFont="1" applyFill="1" applyBorder="1" applyAlignment="1">
      <alignment horizontal="left"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7" fillId="0" borderId="0" xfId="5" applyFont="1" applyAlignment="1">
      <alignment horizontal="center" vertical="top"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49" fontId="3" fillId="7" borderId="1" xfId="0" applyNumberFormat="1" applyFont="1" applyFill="1" applyBorder="1" applyAlignment="1">
      <alignment horizontal="left" vertical="top" wrapText="1"/>
    </xf>
    <xf numFmtId="49" fontId="3" fillId="7" borderId="15" xfId="0" applyNumberFormat="1" applyFont="1" applyFill="1" applyBorder="1" applyAlignment="1">
      <alignment horizontal="left" vertical="top" wrapText="1"/>
    </xf>
    <xf numFmtId="49" fontId="3" fillId="7" borderId="13" xfId="0" applyNumberFormat="1" applyFont="1" applyFill="1" applyBorder="1" applyAlignment="1">
      <alignment horizontal="left" vertical="top" wrapText="1"/>
    </xf>
    <xf numFmtId="49" fontId="3" fillId="7" borderId="3" xfId="0" applyNumberFormat="1" applyFont="1" applyFill="1" applyBorder="1" applyAlignment="1">
      <alignment horizontal="left" vertical="top"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7"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0" fontId="2" fillId="0" borderId="0" xfId="0" applyFont="1" applyAlignment="1">
      <alignment horizontal="left" vertical="center"/>
    </xf>
    <xf numFmtId="49" fontId="2" fillId="0" borderId="20" xfId="0" applyNumberFormat="1" applyFont="1" applyFill="1" applyBorder="1" applyAlignment="1">
      <alignment horizontal="center" vertical="center" wrapText="1"/>
    </xf>
    <xf numFmtId="49" fontId="2" fillId="0" borderId="43" xfId="0" applyNumberFormat="1" applyFont="1" applyFill="1" applyBorder="1" applyAlignment="1">
      <alignment horizontal="center" vertical="center" wrapText="1"/>
    </xf>
    <xf numFmtId="49" fontId="2" fillId="0" borderId="34" xfId="0" applyNumberFormat="1" applyFont="1" applyFill="1" applyBorder="1" applyAlignment="1">
      <alignment horizontal="center" vertical="center" wrapText="1"/>
    </xf>
    <xf numFmtId="0" fontId="4" fillId="0" borderId="0" xfId="0" applyFont="1" applyAlignment="1">
      <alignment horizontal="left" vertical="top" wrapText="1"/>
    </xf>
    <xf numFmtId="49" fontId="5" fillId="5" borderId="10" xfId="0" applyNumberFormat="1" applyFont="1" applyFill="1" applyBorder="1" applyAlignment="1">
      <alignment horizontal="left" vertical="center" wrapText="1"/>
    </xf>
    <xf numFmtId="49" fontId="5" fillId="5" borderId="14"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0" borderId="0" xfId="0" applyFont="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2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7</xdr:row>
          <xdr:rowOff>0</xdr:rowOff>
        </xdr:from>
        <xdr:to>
          <xdr:col>0</xdr:col>
          <xdr:colOff>885825</xdr:colOff>
          <xdr:row>27</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8</xdr:row>
          <xdr:rowOff>9525</xdr:rowOff>
        </xdr:from>
        <xdr:to>
          <xdr:col>0</xdr:col>
          <xdr:colOff>885825</xdr:colOff>
          <xdr:row>28</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55</xdr:row>
          <xdr:rowOff>9525</xdr:rowOff>
        </xdr:from>
        <xdr:to>
          <xdr:col>0</xdr:col>
          <xdr:colOff>885825</xdr:colOff>
          <xdr:row>55</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56</xdr:row>
          <xdr:rowOff>0</xdr:rowOff>
        </xdr:from>
        <xdr:to>
          <xdr:col>0</xdr:col>
          <xdr:colOff>885825</xdr:colOff>
          <xdr:row>5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67"/>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207"/>
  <sheetViews>
    <sheetView showGridLines="0" tabSelected="1" topLeftCell="A43" zoomScale="80" zoomScaleNormal="80" workbookViewId="0">
      <selection activeCell="E61" sqref="E61"/>
    </sheetView>
  </sheetViews>
  <sheetFormatPr defaultRowHeight="12.75" x14ac:dyDescent="0.2"/>
  <cols>
    <col min="1" max="1" width="14.28515625" style="1"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99" t="s">
        <v>39</v>
      </c>
      <c r="B1" s="199"/>
      <c r="C1" s="199"/>
      <c r="D1" s="199"/>
      <c r="E1" s="199"/>
    </row>
    <row r="2" spans="1:5" ht="27.75" customHeight="1" x14ac:dyDescent="0.2">
      <c r="A2" s="200" t="s">
        <v>38</v>
      </c>
      <c r="B2" s="200"/>
      <c r="C2" s="200"/>
      <c r="D2" s="200"/>
      <c r="E2" s="200"/>
    </row>
    <row r="3" spans="1:5" ht="54.75" customHeight="1" x14ac:dyDescent="0.2">
      <c r="A3" s="201" t="s">
        <v>43</v>
      </c>
      <c r="B3" s="201"/>
      <c r="C3" s="201"/>
      <c r="D3" s="201"/>
      <c r="E3" s="201"/>
    </row>
    <row r="4" spans="1:5" ht="24.95" customHeight="1" x14ac:dyDescent="0.2">
      <c r="A4" s="37" t="s">
        <v>42</v>
      </c>
      <c r="B4" s="38"/>
      <c r="C4" s="33"/>
      <c r="D4" s="33"/>
    </row>
    <row r="5" spans="1:5" ht="24.95" customHeight="1" x14ac:dyDescent="0.2">
      <c r="A5" s="37" t="s">
        <v>40</v>
      </c>
      <c r="B5" s="39"/>
      <c r="C5" s="33"/>
      <c r="D5" s="33"/>
    </row>
    <row r="6" spans="1:5" ht="5.0999999999999996" customHeight="1" x14ac:dyDescent="0.2">
      <c r="A6" s="33"/>
      <c r="B6" s="33"/>
      <c r="C6" s="33"/>
      <c r="D6" s="33"/>
    </row>
    <row r="7" spans="1:5" s="2" customFormat="1" ht="20.100000000000001" customHeight="1" x14ac:dyDescent="0.25">
      <c r="A7" s="188" t="s">
        <v>4</v>
      </c>
      <c r="B7" s="188"/>
      <c r="C7" s="188"/>
      <c r="D7" s="188"/>
      <c r="E7" s="188"/>
    </row>
    <row r="8" spans="1:5" s="2" customFormat="1" ht="20.100000000000001" customHeight="1" x14ac:dyDescent="0.25">
      <c r="A8" s="203" t="s">
        <v>7</v>
      </c>
      <c r="B8" s="203"/>
      <c r="C8" s="203"/>
      <c r="D8" s="203"/>
    </row>
    <row r="9" spans="1:5" ht="24.95" customHeight="1" x14ac:dyDescent="0.2">
      <c r="A9" s="204" t="s">
        <v>94</v>
      </c>
      <c r="B9" s="204"/>
      <c r="C9" s="204"/>
      <c r="D9" s="204"/>
    </row>
    <row r="10" spans="1:5" ht="4.5" customHeight="1" x14ac:dyDescent="0.2">
      <c r="A10" s="35"/>
      <c r="B10" s="35"/>
      <c r="C10" s="35"/>
      <c r="D10" s="35"/>
    </row>
    <row r="11" spans="1:5" s="2" customFormat="1" ht="20.100000000000001" customHeight="1" x14ac:dyDescent="0.25">
      <c r="A11" s="205" t="s">
        <v>8</v>
      </c>
      <c r="B11" s="205"/>
      <c r="C11" s="205"/>
      <c r="D11" s="205"/>
    </row>
    <row r="12" spans="1:5" s="2" customFormat="1" ht="20.100000000000001" customHeight="1" x14ac:dyDescent="0.25">
      <c r="A12" s="206" t="s">
        <v>91</v>
      </c>
      <c r="B12" s="206"/>
      <c r="C12" s="206"/>
      <c r="D12" s="42"/>
    </row>
    <row r="13" spans="1:5" s="2" customFormat="1" ht="20.100000000000001" customHeight="1" x14ac:dyDescent="0.25">
      <c r="A13" s="206" t="s">
        <v>169</v>
      </c>
      <c r="B13" s="206"/>
      <c r="C13" s="113"/>
      <c r="D13" s="111"/>
    </row>
    <row r="14" spans="1:5" s="2" customFormat="1" ht="20.100000000000001" customHeight="1" x14ac:dyDescent="0.25">
      <c r="A14" s="206" t="s">
        <v>92</v>
      </c>
      <c r="B14" s="206"/>
      <c r="C14" s="113"/>
      <c r="D14" s="111"/>
    </row>
    <row r="15" spans="1:5" s="2" customFormat="1" ht="20.100000000000001" customHeight="1" x14ac:dyDescent="0.25">
      <c r="A15" s="207" t="s">
        <v>170</v>
      </c>
      <c r="B15" s="207"/>
      <c r="C15" s="119"/>
      <c r="D15" s="118"/>
    </row>
    <row r="16" spans="1:5" s="2" customFormat="1" ht="20.100000000000001" customHeight="1" x14ac:dyDescent="0.25">
      <c r="A16" s="153" t="s">
        <v>171</v>
      </c>
      <c r="B16" s="153"/>
      <c r="C16" s="119"/>
      <c r="D16" s="118"/>
    </row>
    <row r="17" spans="1:5" s="3" customFormat="1" ht="20.100000000000001" customHeight="1" x14ac:dyDescent="0.25">
      <c r="A17" s="202" t="s">
        <v>78</v>
      </c>
      <c r="B17" s="202"/>
      <c r="C17" s="202"/>
      <c r="D17" s="16"/>
    </row>
    <row r="18" spans="1:5" ht="4.5" customHeight="1" x14ac:dyDescent="0.2">
      <c r="A18" s="43"/>
      <c r="B18" s="43"/>
      <c r="C18" s="43"/>
      <c r="D18" s="35"/>
    </row>
    <row r="19" spans="1:5" ht="20.100000000000001" customHeight="1" x14ac:dyDescent="0.2">
      <c r="A19" s="34" t="s">
        <v>9</v>
      </c>
      <c r="B19" s="17"/>
      <c r="C19" s="17"/>
      <c r="D19" s="18"/>
    </row>
    <row r="20" spans="1:5" s="3" customFormat="1" ht="24.95" customHeight="1" x14ac:dyDescent="0.25">
      <c r="A20" s="211" t="s">
        <v>172</v>
      </c>
      <c r="B20" s="211"/>
      <c r="C20" s="211"/>
      <c r="D20" s="16"/>
    </row>
    <row r="21" spans="1:5" ht="5.0999999999999996" customHeight="1" x14ac:dyDescent="0.2">
      <c r="A21" s="216"/>
      <c r="B21" s="216"/>
      <c r="C21" s="216"/>
    </row>
    <row r="22" spans="1:5" s="2" customFormat="1" ht="20.100000000000001" customHeight="1" x14ac:dyDescent="0.25">
      <c r="A22" s="188" t="s">
        <v>16</v>
      </c>
      <c r="B22" s="188"/>
      <c r="C22" s="188"/>
      <c r="D22" s="188"/>
      <c r="E22" s="188"/>
    </row>
    <row r="23" spans="1:5" ht="42.75" customHeight="1" x14ac:dyDescent="0.2">
      <c r="A23" s="204" t="s">
        <v>95</v>
      </c>
      <c r="B23" s="204"/>
      <c r="C23" s="204"/>
      <c r="D23" s="204"/>
      <c r="E23" s="204"/>
    </row>
    <row r="24" spans="1:5" ht="5.0999999999999996" customHeight="1" x14ac:dyDescent="0.2">
      <c r="A24" s="216"/>
      <c r="B24" s="216"/>
      <c r="C24" s="216"/>
    </row>
    <row r="25" spans="1:5" s="2" customFormat="1" ht="20.100000000000001" customHeight="1" x14ac:dyDescent="0.25">
      <c r="A25" s="188" t="s">
        <v>17</v>
      </c>
      <c r="B25" s="188"/>
      <c r="C25" s="188"/>
      <c r="D25" s="188"/>
      <c r="E25" s="188"/>
    </row>
    <row r="26" spans="1:5" s="9" customFormat="1" ht="20.100000000000001" customHeight="1" x14ac:dyDescent="0.25">
      <c r="A26" s="215" t="s">
        <v>5</v>
      </c>
      <c r="B26" s="215"/>
      <c r="C26" s="215"/>
      <c r="D26" s="215"/>
    </row>
    <row r="27" spans="1:5" s="9" customFormat="1" ht="20.100000000000001" customHeight="1" x14ac:dyDescent="0.25">
      <c r="A27" s="185" t="s">
        <v>13</v>
      </c>
      <c r="B27" s="186"/>
      <c r="C27" s="14"/>
      <c r="D27" s="14"/>
    </row>
    <row r="28" spans="1:5" s="9" customFormat="1" ht="20.100000000000001" customHeight="1" x14ac:dyDescent="0.25">
      <c r="A28" s="13"/>
      <c r="B28" s="13" t="s">
        <v>96</v>
      </c>
      <c r="C28" s="14"/>
      <c r="D28" s="14"/>
    </row>
    <row r="29" spans="1:5" s="9" customFormat="1" ht="20.100000000000001" customHeight="1" x14ac:dyDescent="0.25">
      <c r="A29" s="13"/>
      <c r="B29" s="13" t="s">
        <v>15</v>
      </c>
      <c r="C29" s="14"/>
      <c r="D29" s="14"/>
    </row>
    <row r="30" spans="1:5" s="9" customFormat="1" ht="20.100000000000001" customHeight="1" x14ac:dyDescent="0.25">
      <c r="A30" s="185" t="s">
        <v>76</v>
      </c>
      <c r="B30" s="186"/>
      <c r="C30" s="14"/>
      <c r="D30" s="14"/>
    </row>
    <row r="31" spans="1:5" s="2" customFormat="1" ht="33.75" customHeight="1" x14ac:dyDescent="0.25">
      <c r="A31" s="217" t="s">
        <v>97</v>
      </c>
      <c r="B31" s="217"/>
      <c r="C31" s="217"/>
      <c r="D31" s="217"/>
      <c r="E31" s="217"/>
    </row>
    <row r="32" spans="1:5" s="71" customFormat="1" ht="31.5" customHeight="1" x14ac:dyDescent="0.25">
      <c r="A32" s="140" t="s">
        <v>83</v>
      </c>
      <c r="B32" s="141" t="s">
        <v>84</v>
      </c>
      <c r="C32" s="142"/>
      <c r="D32" s="143" t="s">
        <v>168</v>
      </c>
      <c r="E32" s="143" t="s">
        <v>93</v>
      </c>
    </row>
    <row r="33" spans="1:5" s="71" customFormat="1" ht="27" customHeight="1" x14ac:dyDescent="0.25">
      <c r="A33" s="164" t="s">
        <v>100</v>
      </c>
      <c r="B33" s="165"/>
      <c r="C33" s="165"/>
      <c r="D33" s="165"/>
      <c r="E33" s="166"/>
    </row>
    <row r="34" spans="1:5" s="74" customFormat="1" ht="27" customHeight="1" x14ac:dyDescent="0.25">
      <c r="A34" s="77" t="s">
        <v>85</v>
      </c>
      <c r="B34" s="163" t="s">
        <v>98</v>
      </c>
      <c r="C34" s="163"/>
      <c r="D34" s="79" t="s">
        <v>1</v>
      </c>
      <c r="E34" s="138">
        <v>12750</v>
      </c>
    </row>
    <row r="35" spans="1:5" s="102" customFormat="1" ht="27" customHeight="1" x14ac:dyDescent="0.25">
      <c r="A35" s="77" t="s">
        <v>86</v>
      </c>
      <c r="B35" s="110" t="s">
        <v>99</v>
      </c>
      <c r="C35" s="110"/>
      <c r="D35" s="79" t="s">
        <v>1</v>
      </c>
      <c r="E35" s="138">
        <v>1970</v>
      </c>
    </row>
    <row r="36" spans="1:5" s="2" customFormat="1" ht="21" customHeight="1" x14ac:dyDescent="0.25">
      <c r="A36" s="114" t="s">
        <v>87</v>
      </c>
      <c r="B36" s="81"/>
      <c r="C36" s="81"/>
      <c r="D36" s="106"/>
      <c r="E36" s="139">
        <f>SUM(E34:E35)</f>
        <v>14720</v>
      </c>
    </row>
    <row r="37" spans="1:5" s="71" customFormat="1" ht="27" customHeight="1" x14ac:dyDescent="0.25">
      <c r="A37" s="164" t="s">
        <v>101</v>
      </c>
      <c r="B37" s="165"/>
      <c r="C37" s="165"/>
      <c r="D37" s="165"/>
      <c r="E37" s="166"/>
    </row>
    <row r="38" spans="1:5" s="74" customFormat="1" ht="27" customHeight="1" x14ac:dyDescent="0.25">
      <c r="A38" s="77" t="s">
        <v>85</v>
      </c>
      <c r="B38" s="163" t="s">
        <v>102</v>
      </c>
      <c r="C38" s="163"/>
      <c r="D38" s="75" t="s">
        <v>1</v>
      </c>
      <c r="E38" s="80">
        <v>23</v>
      </c>
    </row>
    <row r="39" spans="1:5" s="2" customFormat="1" ht="21" customHeight="1" x14ac:dyDescent="0.25">
      <c r="A39" s="114" t="s">
        <v>87</v>
      </c>
      <c r="B39" s="81"/>
      <c r="C39" s="81"/>
      <c r="D39" s="106"/>
      <c r="E39" s="82">
        <f>SUM(E38:E38)</f>
        <v>23</v>
      </c>
    </row>
    <row r="40" spans="1:5" s="71" customFormat="1" ht="27" customHeight="1" x14ac:dyDescent="0.25">
      <c r="A40" s="164" t="s">
        <v>103</v>
      </c>
      <c r="B40" s="165"/>
      <c r="C40" s="165"/>
      <c r="D40" s="165"/>
      <c r="E40" s="166"/>
    </row>
    <row r="41" spans="1:5" s="74" customFormat="1" ht="27" customHeight="1" x14ac:dyDescent="0.25">
      <c r="A41" s="77" t="s">
        <v>85</v>
      </c>
      <c r="B41" s="163" t="s">
        <v>104</v>
      </c>
      <c r="C41" s="163"/>
      <c r="D41" s="79" t="s">
        <v>1</v>
      </c>
      <c r="E41" s="80">
        <v>132</v>
      </c>
    </row>
    <row r="42" spans="1:5" s="2" customFormat="1" ht="20.25" customHeight="1" x14ac:dyDescent="0.25">
      <c r="A42" s="114" t="s">
        <v>87</v>
      </c>
      <c r="B42" s="81"/>
      <c r="C42" s="81"/>
      <c r="D42" s="106"/>
      <c r="E42" s="82">
        <f>SUM(E41:E41)</f>
        <v>132</v>
      </c>
    </row>
    <row r="43" spans="1:5" s="102" customFormat="1" ht="27" customHeight="1" x14ac:dyDescent="0.25">
      <c r="A43" s="164" t="s">
        <v>105</v>
      </c>
      <c r="B43" s="165"/>
      <c r="C43" s="165"/>
      <c r="D43" s="165"/>
      <c r="E43" s="166"/>
    </row>
    <row r="44" spans="1:5" s="102" customFormat="1" ht="27" customHeight="1" x14ac:dyDescent="0.25">
      <c r="A44" s="77" t="s">
        <v>85</v>
      </c>
      <c r="B44" s="163" t="s">
        <v>108</v>
      </c>
      <c r="C44" s="163"/>
      <c r="D44" s="79" t="s">
        <v>1</v>
      </c>
      <c r="E44" s="80">
        <v>122</v>
      </c>
    </row>
    <row r="45" spans="1:5" s="2" customFormat="1" ht="20.25" customHeight="1" x14ac:dyDescent="0.25">
      <c r="A45" s="114" t="s">
        <v>87</v>
      </c>
      <c r="B45" s="81"/>
      <c r="C45" s="81"/>
      <c r="D45" s="106"/>
      <c r="E45" s="82">
        <f>SUM(E44:E44)</f>
        <v>122</v>
      </c>
    </row>
    <row r="46" spans="1:5" s="2" customFormat="1" ht="10.5" customHeight="1" x14ac:dyDescent="0.25">
      <c r="A46" s="77"/>
      <c r="B46" s="81"/>
      <c r="C46" s="81"/>
      <c r="D46" s="81"/>
      <c r="E46" s="82"/>
    </row>
    <row r="47" spans="1:5" s="71" customFormat="1" ht="27" customHeight="1" x14ac:dyDescent="0.25">
      <c r="A47" s="164" t="s">
        <v>106</v>
      </c>
      <c r="B47" s="165"/>
      <c r="C47" s="165"/>
      <c r="D47" s="165"/>
      <c r="E47" s="166"/>
    </row>
    <row r="48" spans="1:5" s="2" customFormat="1" ht="27" customHeight="1" x14ac:dyDescent="0.25">
      <c r="A48" s="77" t="s">
        <v>85</v>
      </c>
      <c r="B48" s="163" t="s">
        <v>107</v>
      </c>
      <c r="C48" s="163"/>
      <c r="D48" s="75" t="s">
        <v>1</v>
      </c>
      <c r="E48" s="78">
        <v>416</v>
      </c>
    </row>
    <row r="49" spans="1:5" s="2" customFormat="1" ht="27" customHeight="1" x14ac:dyDescent="0.25">
      <c r="A49" s="115" t="s">
        <v>87</v>
      </c>
      <c r="B49" s="112"/>
      <c r="C49" s="112"/>
      <c r="D49" s="76"/>
      <c r="E49" s="116">
        <f>SUM(E48:E48)</f>
        <v>416</v>
      </c>
    </row>
    <row r="50" spans="1:5" s="2" customFormat="1" ht="10.5" customHeight="1" x14ac:dyDescent="0.25">
      <c r="A50" s="77"/>
      <c r="B50" s="81"/>
      <c r="C50" s="81"/>
      <c r="D50" s="81"/>
      <c r="E50" s="82"/>
    </row>
    <row r="51" spans="1:5" s="117" customFormat="1" ht="27" customHeight="1" x14ac:dyDescent="0.25">
      <c r="A51" s="164" t="s">
        <v>216</v>
      </c>
      <c r="B51" s="165"/>
      <c r="C51" s="165"/>
      <c r="D51" s="165"/>
      <c r="E51" s="166"/>
    </row>
    <row r="52" spans="1:5" s="2" customFormat="1" ht="27" customHeight="1" x14ac:dyDescent="0.25">
      <c r="A52" s="77" t="s">
        <v>85</v>
      </c>
      <c r="B52" s="163" t="s">
        <v>217</v>
      </c>
      <c r="C52" s="163"/>
      <c r="D52" s="75" t="s">
        <v>1</v>
      </c>
      <c r="E52" s="78">
        <v>59</v>
      </c>
    </row>
    <row r="53" spans="1:5" s="2" customFormat="1" ht="27" customHeight="1" x14ac:dyDescent="0.25">
      <c r="A53" s="115" t="s">
        <v>87</v>
      </c>
      <c r="B53" s="112"/>
      <c r="C53" s="112"/>
      <c r="D53" s="76"/>
      <c r="E53" s="116">
        <f>SUM(E52:E52)</f>
        <v>59</v>
      </c>
    </row>
    <row r="54" spans="1:5" s="2" customFormat="1" ht="10.5" customHeight="1" x14ac:dyDescent="0.25">
      <c r="A54" s="81"/>
      <c r="B54" s="101"/>
      <c r="C54" s="101"/>
      <c r="D54" s="75"/>
      <c r="E54" s="105"/>
    </row>
    <row r="55" spans="1:5" s="9" customFormat="1" ht="10.5" customHeight="1" x14ac:dyDescent="0.25">
      <c r="A55" s="185" t="s">
        <v>14</v>
      </c>
      <c r="B55" s="185"/>
      <c r="C55" s="70"/>
      <c r="D55" s="70"/>
    </row>
    <row r="56" spans="1:5" s="9" customFormat="1" ht="27" customHeight="1" x14ac:dyDescent="0.2">
      <c r="A56" s="10"/>
      <c r="B56" s="9" t="s">
        <v>2</v>
      </c>
      <c r="C56" s="70"/>
      <c r="D56" s="70"/>
    </row>
    <row r="57" spans="1:5" s="9" customFormat="1" ht="27" customHeight="1" x14ac:dyDescent="0.25">
      <c r="A57" s="13"/>
      <c r="B57" s="2" t="s">
        <v>3</v>
      </c>
      <c r="C57" s="70"/>
      <c r="D57" s="70"/>
    </row>
    <row r="58" spans="1:5" ht="10.5" customHeight="1" x14ac:dyDescent="0.2"/>
    <row r="59" spans="1:5" s="2" customFormat="1" ht="20.100000000000001" customHeight="1" x14ac:dyDescent="0.25">
      <c r="A59" s="188" t="s">
        <v>18</v>
      </c>
      <c r="B59" s="188"/>
      <c r="C59" s="188"/>
      <c r="D59" s="188"/>
      <c r="E59" s="188"/>
    </row>
    <row r="60" spans="1:5" s="2" customFormat="1" ht="5.0999999999999996" customHeight="1" thickBot="1" x14ac:dyDescent="0.3">
      <c r="A60" s="15"/>
      <c r="C60" s="6"/>
      <c r="D60" s="6"/>
    </row>
    <row r="61" spans="1:5" s="3" customFormat="1" ht="99.75" customHeight="1" x14ac:dyDescent="0.25">
      <c r="A61" s="175" t="s">
        <v>0</v>
      </c>
      <c r="B61" s="176"/>
      <c r="C61" s="172" t="s">
        <v>19</v>
      </c>
      <c r="D61" s="173"/>
      <c r="E61" s="19"/>
    </row>
    <row r="62" spans="1:5" s="3" customFormat="1" ht="35.25" customHeight="1" thickBot="1" x14ac:dyDescent="0.3">
      <c r="A62" s="177"/>
      <c r="B62" s="178"/>
      <c r="C62" s="20" t="s">
        <v>20</v>
      </c>
      <c r="D62" s="57" t="s">
        <v>21</v>
      </c>
    </row>
    <row r="63" spans="1:5" s="21" customFormat="1" ht="30.75" customHeight="1" x14ac:dyDescent="0.25">
      <c r="A63" s="212" t="s">
        <v>100</v>
      </c>
      <c r="B63" s="213"/>
      <c r="C63" s="213"/>
      <c r="D63" s="214"/>
    </row>
    <row r="64" spans="1:5" s="4" customFormat="1" ht="29.25" customHeight="1" x14ac:dyDescent="0.25">
      <c r="A64" s="174" t="s">
        <v>109</v>
      </c>
      <c r="B64" s="171"/>
      <c r="C64" s="46"/>
      <c r="D64" s="62" t="s">
        <v>62</v>
      </c>
    </row>
    <row r="65" spans="1:4" s="4" customFormat="1" ht="30" customHeight="1" x14ac:dyDescent="0.25">
      <c r="A65" s="41" t="s">
        <v>11</v>
      </c>
      <c r="B65" s="58" t="s">
        <v>114</v>
      </c>
      <c r="C65" s="46"/>
      <c r="D65" s="50"/>
    </row>
    <row r="66" spans="1:4" s="4" customFormat="1" ht="30" customHeight="1" x14ac:dyDescent="0.25">
      <c r="A66" s="41" t="s">
        <v>46</v>
      </c>
      <c r="B66" s="58" t="s">
        <v>110</v>
      </c>
      <c r="C66" s="46"/>
      <c r="D66" s="50"/>
    </row>
    <row r="67" spans="1:4" s="4" customFormat="1" ht="30" customHeight="1" x14ac:dyDescent="0.25">
      <c r="A67" s="41" t="s">
        <v>75</v>
      </c>
      <c r="B67" s="58" t="s">
        <v>111</v>
      </c>
      <c r="C67" s="46"/>
      <c r="D67" s="50"/>
    </row>
    <row r="68" spans="1:4" s="4" customFormat="1" ht="30" customHeight="1" x14ac:dyDescent="0.25">
      <c r="A68" s="104" t="s">
        <v>70</v>
      </c>
      <c r="B68" s="58" t="s">
        <v>115</v>
      </c>
      <c r="C68" s="47"/>
      <c r="D68" s="51"/>
    </row>
    <row r="69" spans="1:4" s="4" customFormat="1" ht="30" customHeight="1" x14ac:dyDescent="0.25">
      <c r="A69" s="104" t="s">
        <v>71</v>
      </c>
      <c r="B69" s="103" t="s">
        <v>116</v>
      </c>
      <c r="C69" s="47"/>
      <c r="D69" s="50"/>
    </row>
    <row r="70" spans="1:4" s="4" customFormat="1" ht="30" customHeight="1" x14ac:dyDescent="0.25">
      <c r="A70" s="41" t="s">
        <v>48</v>
      </c>
      <c r="B70" s="58" t="s">
        <v>117</v>
      </c>
      <c r="C70" s="59"/>
      <c r="D70" s="50"/>
    </row>
    <row r="71" spans="1:4" s="4" customFormat="1" ht="30" customHeight="1" x14ac:dyDescent="0.25">
      <c r="A71" s="120" t="s">
        <v>49</v>
      </c>
      <c r="B71" s="121" t="s">
        <v>118</v>
      </c>
      <c r="C71" s="59"/>
      <c r="D71" s="50"/>
    </row>
    <row r="72" spans="1:4" s="4" customFormat="1" ht="30" customHeight="1" x14ac:dyDescent="0.25">
      <c r="A72" s="104" t="s">
        <v>119</v>
      </c>
      <c r="B72" s="58" t="s">
        <v>112</v>
      </c>
      <c r="C72" s="59"/>
      <c r="D72" s="50"/>
    </row>
    <row r="73" spans="1:4" s="4" customFormat="1" ht="30" customHeight="1" x14ac:dyDescent="0.25">
      <c r="A73" s="104" t="s">
        <v>120</v>
      </c>
      <c r="B73" s="99" t="s">
        <v>113</v>
      </c>
      <c r="C73" s="59"/>
      <c r="D73" s="50"/>
    </row>
    <row r="74" spans="1:4" s="4" customFormat="1" ht="30" customHeight="1" x14ac:dyDescent="0.25">
      <c r="A74" s="170" t="s">
        <v>121</v>
      </c>
      <c r="B74" s="171"/>
      <c r="C74" s="59"/>
      <c r="D74" s="50"/>
    </row>
    <row r="75" spans="1:4" s="4" customFormat="1" ht="30" customHeight="1" x14ac:dyDescent="0.25">
      <c r="A75" s="41" t="s">
        <v>11</v>
      </c>
      <c r="B75" s="60" t="s">
        <v>122</v>
      </c>
      <c r="C75" s="59"/>
      <c r="D75" s="50"/>
    </row>
    <row r="76" spans="1:4" s="4" customFormat="1" ht="30" customHeight="1" x14ac:dyDescent="0.25">
      <c r="A76" s="41" t="s">
        <v>46</v>
      </c>
      <c r="B76" s="103" t="s">
        <v>123</v>
      </c>
      <c r="C76" s="59"/>
      <c r="D76" s="50"/>
    </row>
    <row r="77" spans="1:4" s="4" customFormat="1" ht="30" customHeight="1" x14ac:dyDescent="0.2">
      <c r="A77" s="41" t="s">
        <v>47</v>
      </c>
      <c r="B77" s="122" t="s">
        <v>124</v>
      </c>
      <c r="C77" s="59"/>
      <c r="D77" s="124"/>
    </row>
    <row r="78" spans="1:4" s="4" customFormat="1" ht="30" customHeight="1" x14ac:dyDescent="0.25">
      <c r="A78" s="123" t="s">
        <v>48</v>
      </c>
      <c r="B78" s="103" t="s">
        <v>125</v>
      </c>
      <c r="C78" s="59"/>
      <c r="D78" s="73"/>
    </row>
    <row r="79" spans="1:4" s="4" customFormat="1" ht="30" customHeight="1" x14ac:dyDescent="0.25">
      <c r="A79" s="104" t="s">
        <v>68</v>
      </c>
      <c r="B79" s="99" t="s">
        <v>115</v>
      </c>
      <c r="C79" s="59"/>
      <c r="D79" s="72"/>
    </row>
    <row r="80" spans="1:4" s="4" customFormat="1" ht="30" customHeight="1" x14ac:dyDescent="0.25">
      <c r="A80" s="104" t="s">
        <v>69</v>
      </c>
      <c r="B80" s="44" t="s">
        <v>116</v>
      </c>
      <c r="C80" s="46"/>
      <c r="D80" s="100"/>
    </row>
    <row r="81" spans="1:4" s="4" customFormat="1" ht="30" customHeight="1" x14ac:dyDescent="0.25">
      <c r="A81" s="41" t="s">
        <v>49</v>
      </c>
      <c r="B81" s="44" t="s">
        <v>117</v>
      </c>
      <c r="C81" s="46"/>
      <c r="D81" s="100"/>
    </row>
    <row r="82" spans="1:4" s="4" customFormat="1" ht="30" customHeight="1" x14ac:dyDescent="0.25">
      <c r="A82" s="41" t="s">
        <v>50</v>
      </c>
      <c r="B82" s="44" t="s">
        <v>126</v>
      </c>
      <c r="C82" s="46"/>
      <c r="D82" s="100"/>
    </row>
    <row r="83" spans="1:4" s="4" customFormat="1" ht="30" customHeight="1" x14ac:dyDescent="0.25">
      <c r="A83" s="104" t="s">
        <v>127</v>
      </c>
      <c r="B83" s="44" t="s">
        <v>112</v>
      </c>
      <c r="C83" s="46"/>
      <c r="D83" s="100"/>
    </row>
    <row r="84" spans="1:4" s="4" customFormat="1" ht="30" customHeight="1" thickBot="1" x14ac:dyDescent="0.3">
      <c r="A84" s="104" t="s">
        <v>128</v>
      </c>
      <c r="B84" s="44" t="s">
        <v>113</v>
      </c>
      <c r="C84" s="46"/>
      <c r="D84" s="50"/>
    </row>
    <row r="85" spans="1:4" s="4" customFormat="1" ht="29.25" customHeight="1" x14ac:dyDescent="0.25">
      <c r="A85" s="167" t="s">
        <v>101</v>
      </c>
      <c r="B85" s="168"/>
      <c r="C85" s="168"/>
      <c r="D85" s="169"/>
    </row>
    <row r="86" spans="1:4" s="4" customFormat="1" ht="29.25" customHeight="1" x14ac:dyDescent="0.25">
      <c r="A86" s="170" t="s">
        <v>129</v>
      </c>
      <c r="B86" s="171"/>
      <c r="C86" s="46"/>
      <c r="D86" s="100"/>
    </row>
    <row r="87" spans="1:4" s="4" customFormat="1" ht="45" customHeight="1" x14ac:dyDescent="0.25">
      <c r="A87" s="48" t="s">
        <v>11</v>
      </c>
      <c r="B87" s="44" t="s">
        <v>130</v>
      </c>
      <c r="C87" s="46"/>
      <c r="D87" s="50"/>
    </row>
    <row r="88" spans="1:4" s="4" customFormat="1" ht="30" customHeight="1" x14ac:dyDescent="0.25">
      <c r="A88" s="61" t="s">
        <v>132</v>
      </c>
      <c r="B88" s="44" t="s">
        <v>131</v>
      </c>
      <c r="C88" s="46"/>
      <c r="D88" s="50"/>
    </row>
    <row r="89" spans="1:4" s="4" customFormat="1" ht="30" customHeight="1" x14ac:dyDescent="0.25">
      <c r="A89" s="61" t="s">
        <v>133</v>
      </c>
      <c r="B89" s="44" t="s">
        <v>143</v>
      </c>
      <c r="C89" s="46"/>
      <c r="D89" s="50"/>
    </row>
    <row r="90" spans="1:4" s="4" customFormat="1" ht="30" customHeight="1" x14ac:dyDescent="0.25">
      <c r="A90" s="61" t="s">
        <v>134</v>
      </c>
      <c r="B90" s="44" t="s">
        <v>213</v>
      </c>
      <c r="C90" s="46"/>
      <c r="D90" s="50"/>
    </row>
    <row r="91" spans="1:4" s="4" customFormat="1" ht="30" customHeight="1" x14ac:dyDescent="0.25">
      <c r="A91" s="61" t="s">
        <v>135</v>
      </c>
      <c r="B91" s="125" t="s">
        <v>144</v>
      </c>
      <c r="C91" s="46"/>
      <c r="D91" s="50"/>
    </row>
    <row r="92" spans="1:4" s="4" customFormat="1" ht="30" customHeight="1" x14ac:dyDescent="0.25">
      <c r="A92" s="61" t="s">
        <v>136</v>
      </c>
      <c r="B92" s="125" t="s">
        <v>214</v>
      </c>
      <c r="C92" s="46"/>
      <c r="D92" s="50"/>
    </row>
    <row r="93" spans="1:4" s="4" customFormat="1" ht="30" customHeight="1" x14ac:dyDescent="0.25">
      <c r="A93" s="61" t="s">
        <v>137</v>
      </c>
      <c r="B93" s="125" t="s">
        <v>215</v>
      </c>
      <c r="C93" s="46"/>
      <c r="D93" s="50"/>
    </row>
    <row r="94" spans="1:4" s="4" customFormat="1" ht="30" customHeight="1" x14ac:dyDescent="0.25">
      <c r="A94" s="61" t="s">
        <v>138</v>
      </c>
      <c r="B94" s="126" t="s">
        <v>145</v>
      </c>
      <c r="C94" s="46"/>
      <c r="D94" s="50"/>
    </row>
    <row r="95" spans="1:4" s="4" customFormat="1" ht="30" customHeight="1" x14ac:dyDescent="0.25">
      <c r="A95" s="61" t="s">
        <v>139</v>
      </c>
      <c r="B95" s="125" t="s">
        <v>146</v>
      </c>
      <c r="C95" s="46"/>
      <c r="D95" s="50"/>
    </row>
    <row r="96" spans="1:4" s="4" customFormat="1" ht="30" customHeight="1" x14ac:dyDescent="0.25">
      <c r="A96" s="61" t="s">
        <v>140</v>
      </c>
      <c r="B96" s="126" t="s">
        <v>147</v>
      </c>
      <c r="C96" s="46"/>
      <c r="D96" s="50"/>
    </row>
    <row r="97" spans="1:4" s="4" customFormat="1" ht="30" customHeight="1" x14ac:dyDescent="0.25">
      <c r="A97" s="61" t="s">
        <v>141</v>
      </c>
      <c r="B97" s="125" t="s">
        <v>148</v>
      </c>
      <c r="C97" s="46"/>
      <c r="D97" s="50"/>
    </row>
    <row r="98" spans="1:4" s="4" customFormat="1" ht="30" customHeight="1" thickBot="1" x14ac:dyDescent="0.3">
      <c r="A98" s="156" t="s">
        <v>142</v>
      </c>
      <c r="B98" s="135" t="s">
        <v>149</v>
      </c>
      <c r="C98" s="136"/>
      <c r="D98" s="137"/>
    </row>
    <row r="99" spans="1:4" s="4" customFormat="1" ht="29.25" customHeight="1" x14ac:dyDescent="0.25">
      <c r="A99" s="179" t="s">
        <v>103</v>
      </c>
      <c r="B99" s="180"/>
      <c r="C99" s="180"/>
      <c r="D99" s="181"/>
    </row>
    <row r="100" spans="1:4" s="4" customFormat="1" ht="29.25" customHeight="1" x14ac:dyDescent="0.25">
      <c r="A100" s="170" t="s">
        <v>150</v>
      </c>
      <c r="B100" s="171"/>
      <c r="C100" s="46"/>
      <c r="D100" s="50"/>
    </row>
    <row r="101" spans="1:4" s="4" customFormat="1" ht="51" customHeight="1" x14ac:dyDescent="0.25">
      <c r="A101" s="48" t="s">
        <v>11</v>
      </c>
      <c r="B101" s="44" t="s">
        <v>209</v>
      </c>
      <c r="C101" s="46"/>
      <c r="D101" s="50"/>
    </row>
    <row r="102" spans="1:4" s="4" customFormat="1" ht="30" customHeight="1" x14ac:dyDescent="0.25">
      <c r="A102" s="48" t="s">
        <v>46</v>
      </c>
      <c r="B102" s="44" t="s">
        <v>151</v>
      </c>
      <c r="C102" s="46"/>
      <c r="D102" s="50"/>
    </row>
    <row r="103" spans="1:4" s="4" customFormat="1" ht="39.75" customHeight="1" x14ac:dyDescent="0.25">
      <c r="A103" s="48" t="s">
        <v>47</v>
      </c>
      <c r="B103" s="44" t="s">
        <v>152</v>
      </c>
      <c r="C103" s="46"/>
      <c r="D103" s="50"/>
    </row>
    <row r="104" spans="1:4" s="4" customFormat="1" ht="30" customHeight="1" x14ac:dyDescent="0.25">
      <c r="A104" s="48" t="s">
        <v>48</v>
      </c>
      <c r="B104" s="44" t="s">
        <v>154</v>
      </c>
      <c r="C104" s="46"/>
      <c r="D104" s="50"/>
    </row>
    <row r="105" spans="1:4" s="4" customFormat="1" ht="30" customHeight="1" thickBot="1" x14ac:dyDescent="0.3">
      <c r="A105" s="160" t="s">
        <v>49</v>
      </c>
      <c r="B105" s="161" t="s">
        <v>153</v>
      </c>
      <c r="C105" s="136"/>
      <c r="D105" s="137"/>
    </row>
    <row r="106" spans="1:4" s="4" customFormat="1" ht="30" customHeight="1" x14ac:dyDescent="0.25">
      <c r="A106" s="182" t="s">
        <v>105</v>
      </c>
      <c r="B106" s="183"/>
      <c r="C106" s="183"/>
      <c r="D106" s="184"/>
    </row>
    <row r="107" spans="1:4" s="4" customFormat="1" ht="30" customHeight="1" x14ac:dyDescent="0.25">
      <c r="A107" s="170" t="s">
        <v>155</v>
      </c>
      <c r="B107" s="171"/>
      <c r="C107" s="46"/>
      <c r="D107" s="50"/>
    </row>
    <row r="108" spans="1:4" s="4" customFormat="1" ht="30" customHeight="1" x14ac:dyDescent="0.25">
      <c r="A108" s="127" t="s">
        <v>11</v>
      </c>
      <c r="B108" s="128" t="s">
        <v>156</v>
      </c>
      <c r="C108" s="129"/>
      <c r="D108" s="130"/>
    </row>
    <row r="109" spans="1:4" s="4" customFormat="1" ht="30" customHeight="1" x14ac:dyDescent="0.25">
      <c r="A109" s="61" t="s">
        <v>132</v>
      </c>
      <c r="B109" s="131" t="s">
        <v>157</v>
      </c>
      <c r="C109" s="129"/>
      <c r="D109" s="130"/>
    </row>
    <row r="110" spans="1:4" s="4" customFormat="1" ht="61.5" customHeight="1" x14ac:dyDescent="0.25">
      <c r="A110" s="61" t="s">
        <v>133</v>
      </c>
      <c r="B110" s="131" t="s">
        <v>158</v>
      </c>
      <c r="C110" s="129"/>
      <c r="D110" s="130"/>
    </row>
    <row r="111" spans="1:4" s="4" customFormat="1" ht="30" customHeight="1" x14ac:dyDescent="0.25">
      <c r="A111" s="61" t="s">
        <v>134</v>
      </c>
      <c r="B111" s="131" t="s">
        <v>159</v>
      </c>
      <c r="C111" s="129"/>
      <c r="D111" s="130"/>
    </row>
    <row r="112" spans="1:4" s="4" customFormat="1" ht="30" customHeight="1" x14ac:dyDescent="0.25">
      <c r="A112" s="61" t="s">
        <v>135</v>
      </c>
      <c r="B112" s="131" t="s">
        <v>160</v>
      </c>
      <c r="C112" s="129"/>
      <c r="D112" s="130"/>
    </row>
    <row r="113" spans="1:4" s="4" customFormat="1" ht="30" customHeight="1" x14ac:dyDescent="0.25">
      <c r="A113" s="61" t="s">
        <v>136</v>
      </c>
      <c r="B113" s="131" t="s">
        <v>161</v>
      </c>
      <c r="C113" s="129"/>
      <c r="D113" s="130"/>
    </row>
    <row r="114" spans="1:4" s="4" customFormat="1" ht="30" customHeight="1" x14ac:dyDescent="0.25">
      <c r="A114" s="61" t="s">
        <v>137</v>
      </c>
      <c r="B114" s="131" t="s">
        <v>162</v>
      </c>
      <c r="C114" s="129"/>
      <c r="D114" s="130"/>
    </row>
    <row r="115" spans="1:4" s="4" customFormat="1" ht="30" customHeight="1" thickBot="1" x14ac:dyDescent="0.3">
      <c r="A115" s="156" t="s">
        <v>138</v>
      </c>
      <c r="B115" s="157" t="s">
        <v>163</v>
      </c>
      <c r="C115" s="158"/>
      <c r="D115" s="159"/>
    </row>
    <row r="116" spans="1:4" s="4" customFormat="1" ht="30" customHeight="1" x14ac:dyDescent="0.25">
      <c r="A116" s="179" t="s">
        <v>106</v>
      </c>
      <c r="B116" s="180"/>
      <c r="C116" s="180"/>
      <c r="D116" s="181"/>
    </row>
    <row r="117" spans="1:4" s="4" customFormat="1" ht="30" customHeight="1" x14ac:dyDescent="0.25">
      <c r="A117" s="170" t="s">
        <v>164</v>
      </c>
      <c r="B117" s="171"/>
      <c r="C117" s="46"/>
      <c r="D117" s="50"/>
    </row>
    <row r="118" spans="1:4" s="4" customFormat="1" ht="30" customHeight="1" x14ac:dyDescent="0.25">
      <c r="A118" s="48" t="s">
        <v>11</v>
      </c>
      <c r="B118" s="132" t="s">
        <v>165</v>
      </c>
      <c r="C118" s="46"/>
      <c r="D118" s="50"/>
    </row>
    <row r="119" spans="1:4" s="4" customFormat="1" ht="30" customHeight="1" x14ac:dyDescent="0.25">
      <c r="A119" s="61" t="s">
        <v>132</v>
      </c>
      <c r="B119" s="133" t="s">
        <v>210</v>
      </c>
      <c r="C119" s="46"/>
      <c r="D119" s="50"/>
    </row>
    <row r="120" spans="1:4" s="4" customFormat="1" ht="30" customHeight="1" x14ac:dyDescent="0.25">
      <c r="A120" s="61" t="s">
        <v>133</v>
      </c>
      <c r="B120" s="133" t="s">
        <v>166</v>
      </c>
      <c r="C120" s="46"/>
      <c r="D120" s="50"/>
    </row>
    <row r="121" spans="1:4" s="4" customFormat="1" ht="30" customHeight="1" thickBot="1" x14ac:dyDescent="0.3">
      <c r="A121" s="156" t="s">
        <v>134</v>
      </c>
      <c r="B121" s="162" t="s">
        <v>167</v>
      </c>
      <c r="C121" s="136"/>
      <c r="D121" s="137"/>
    </row>
    <row r="122" spans="1:4" s="4" customFormat="1" ht="30" customHeight="1" x14ac:dyDescent="0.25">
      <c r="A122" s="182" t="s">
        <v>216</v>
      </c>
      <c r="B122" s="183"/>
      <c r="C122" s="183"/>
      <c r="D122" s="184"/>
    </row>
    <row r="123" spans="1:4" s="4" customFormat="1" ht="30" customHeight="1" x14ac:dyDescent="0.25">
      <c r="A123" s="170" t="s">
        <v>207</v>
      </c>
      <c r="B123" s="171"/>
      <c r="C123" s="46"/>
      <c r="D123" s="50"/>
    </row>
    <row r="124" spans="1:4" s="4" customFormat="1" ht="30" customHeight="1" x14ac:dyDescent="0.25">
      <c r="A124" s="48" t="s">
        <v>11</v>
      </c>
      <c r="B124" s="40" t="s">
        <v>208</v>
      </c>
      <c r="C124" s="46"/>
      <c r="D124" s="50"/>
    </row>
    <row r="125" spans="1:4" s="4" customFormat="1" ht="30" customHeight="1" x14ac:dyDescent="0.25">
      <c r="A125" s="48" t="s">
        <v>46</v>
      </c>
      <c r="B125" s="40" t="s">
        <v>211</v>
      </c>
      <c r="C125" s="46"/>
      <c r="D125" s="50"/>
    </row>
    <row r="126" spans="1:4" s="4" customFormat="1" ht="30" customHeight="1" thickBot="1" x14ac:dyDescent="0.3">
      <c r="A126" s="134" t="s">
        <v>47</v>
      </c>
      <c r="B126" s="135" t="s">
        <v>212</v>
      </c>
      <c r="C126" s="136"/>
      <c r="D126" s="137"/>
    </row>
    <row r="127" spans="1:4" s="3" customFormat="1" ht="6.75" customHeight="1" x14ac:dyDescent="0.25">
      <c r="A127" s="5"/>
      <c r="B127" s="5"/>
      <c r="C127" s="7"/>
      <c r="D127" s="7"/>
    </row>
    <row r="128" spans="1:4" s="2" customFormat="1" ht="20.100000000000001" customHeight="1" x14ac:dyDescent="0.25">
      <c r="A128" s="188" t="s">
        <v>81</v>
      </c>
      <c r="B128" s="188" t="s">
        <v>80</v>
      </c>
      <c r="C128" s="188"/>
      <c r="D128" s="188"/>
    </row>
    <row r="129" spans="1:4" s="2" customFormat="1" ht="5.0999999999999996" customHeight="1" thickBot="1" x14ac:dyDescent="0.3">
      <c r="A129" s="15"/>
      <c r="C129" s="68"/>
      <c r="D129" s="68"/>
    </row>
    <row r="130" spans="1:4" s="3" customFormat="1" ht="69" customHeight="1" x14ac:dyDescent="0.25">
      <c r="A130" s="175" t="s">
        <v>82</v>
      </c>
      <c r="B130" s="176"/>
      <c r="C130" s="172" t="s">
        <v>22</v>
      </c>
      <c r="D130" s="173"/>
    </row>
    <row r="131" spans="1:4" s="3" customFormat="1" ht="35.25" customHeight="1" thickBot="1" x14ac:dyDescent="0.3">
      <c r="A131" s="177"/>
      <c r="B131" s="178"/>
      <c r="C131" s="20" t="s">
        <v>6</v>
      </c>
      <c r="D131" s="57" t="s">
        <v>23</v>
      </c>
    </row>
    <row r="132" spans="1:4" s="2" customFormat="1" ht="56.25" customHeight="1" x14ac:dyDescent="0.25">
      <c r="A132" s="63" t="s">
        <v>11</v>
      </c>
      <c r="B132" s="83" t="s">
        <v>173</v>
      </c>
      <c r="C132" s="46"/>
      <c r="D132" s="56"/>
    </row>
    <row r="133" spans="1:4" s="2" customFormat="1" ht="59.25" customHeight="1" x14ac:dyDescent="0.25">
      <c r="A133" s="45" t="s">
        <v>46</v>
      </c>
      <c r="B133" s="23" t="s">
        <v>174</v>
      </c>
      <c r="C133" s="46"/>
      <c r="D133" s="56"/>
    </row>
    <row r="134" spans="1:4" s="2" customFormat="1" ht="29.1" customHeight="1" x14ac:dyDescent="0.25">
      <c r="A134" s="155" t="s">
        <v>47</v>
      </c>
      <c r="B134" s="84" t="s">
        <v>175</v>
      </c>
      <c r="C134" s="46"/>
      <c r="D134" s="148"/>
    </row>
    <row r="135" spans="1:4" s="2" customFormat="1" ht="29.1" customHeight="1" x14ac:dyDescent="0.25">
      <c r="A135" s="97" t="s">
        <v>70</v>
      </c>
      <c r="B135" s="85" t="s">
        <v>176</v>
      </c>
      <c r="C135" s="46"/>
      <c r="D135" s="149"/>
    </row>
    <row r="136" spans="1:4" s="2" customFormat="1" ht="29.1" customHeight="1" x14ac:dyDescent="0.25">
      <c r="A136" s="96" t="s">
        <v>71</v>
      </c>
      <c r="B136" s="86" t="s">
        <v>177</v>
      </c>
      <c r="C136" s="46"/>
      <c r="D136" s="69"/>
    </row>
    <row r="137" spans="1:4" s="2" customFormat="1" ht="29.1" customHeight="1" x14ac:dyDescent="0.25">
      <c r="A137" s="97" t="s">
        <v>72</v>
      </c>
      <c r="B137" s="87" t="s">
        <v>178</v>
      </c>
      <c r="C137" s="46"/>
      <c r="D137" s="151"/>
    </row>
    <row r="138" spans="1:4" s="2" customFormat="1" ht="42" customHeight="1" x14ac:dyDescent="0.25">
      <c r="A138" s="96" t="s">
        <v>73</v>
      </c>
      <c r="B138" s="87" t="s">
        <v>179</v>
      </c>
      <c r="C138" s="46"/>
      <c r="D138" s="151"/>
    </row>
    <row r="139" spans="1:4" s="2" customFormat="1" ht="133.5" customHeight="1" x14ac:dyDescent="0.25">
      <c r="A139" s="95" t="s">
        <v>74</v>
      </c>
      <c r="B139" s="88" t="s">
        <v>180</v>
      </c>
      <c r="C139" s="46"/>
      <c r="D139" s="150"/>
    </row>
    <row r="140" spans="1:4" s="2" customFormat="1" ht="161.25" customHeight="1" x14ac:dyDescent="0.25">
      <c r="A140" s="45" t="s">
        <v>48</v>
      </c>
      <c r="B140" s="23" t="s">
        <v>181</v>
      </c>
      <c r="C140" s="46"/>
      <c r="D140" s="56"/>
    </row>
    <row r="141" spans="1:4" s="2" customFormat="1" ht="64.5" customHeight="1" x14ac:dyDescent="0.25">
      <c r="A141" s="45" t="s">
        <v>49</v>
      </c>
      <c r="B141" s="23" t="s">
        <v>182</v>
      </c>
      <c r="C141" s="46"/>
      <c r="D141" s="56"/>
    </row>
    <row r="142" spans="1:4" s="2" customFormat="1" ht="81.75" customHeight="1" x14ac:dyDescent="0.25">
      <c r="A142" s="45" t="s">
        <v>50</v>
      </c>
      <c r="B142" s="23" t="s">
        <v>183</v>
      </c>
      <c r="C142" s="46"/>
      <c r="D142" s="56"/>
    </row>
    <row r="143" spans="1:4" s="2" customFormat="1" ht="84.75" customHeight="1" x14ac:dyDescent="0.25">
      <c r="A143" s="45" t="s">
        <v>51</v>
      </c>
      <c r="B143" s="89" t="s">
        <v>184</v>
      </c>
      <c r="C143" s="46"/>
      <c r="D143" s="56"/>
    </row>
    <row r="144" spans="1:4" s="2" customFormat="1" ht="106.5" customHeight="1" x14ac:dyDescent="0.25">
      <c r="A144" s="45" t="s">
        <v>52</v>
      </c>
      <c r="B144" s="90" t="s">
        <v>185</v>
      </c>
      <c r="C144" s="46"/>
      <c r="D144" s="56"/>
    </row>
    <row r="145" spans="1:4" s="2" customFormat="1" ht="84" customHeight="1" x14ac:dyDescent="0.25">
      <c r="A145" s="208" t="s">
        <v>53</v>
      </c>
      <c r="B145" s="84" t="s">
        <v>186</v>
      </c>
      <c r="C145" s="46"/>
      <c r="D145" s="56"/>
    </row>
    <row r="146" spans="1:4" s="2" customFormat="1" ht="29.1" customHeight="1" x14ac:dyDescent="0.25">
      <c r="A146" s="209"/>
      <c r="B146" s="87" t="s">
        <v>187</v>
      </c>
      <c r="C146" s="46"/>
      <c r="D146" s="152"/>
    </row>
    <row r="147" spans="1:4" s="2" customFormat="1" ht="73.5" customHeight="1" x14ac:dyDescent="0.25">
      <c r="A147" s="209"/>
      <c r="B147" s="91" t="s">
        <v>188</v>
      </c>
      <c r="C147" s="46"/>
      <c r="D147" s="151"/>
    </row>
    <row r="148" spans="1:4" s="2" customFormat="1" ht="58.5" customHeight="1" x14ac:dyDescent="0.25">
      <c r="A148" s="209"/>
      <c r="B148" s="86" t="s">
        <v>189</v>
      </c>
      <c r="C148" s="46"/>
      <c r="D148" s="149"/>
    </row>
    <row r="149" spans="1:4" s="2" customFormat="1" ht="47.25" customHeight="1" x14ac:dyDescent="0.25">
      <c r="A149" s="209"/>
      <c r="B149" s="87" t="s">
        <v>190</v>
      </c>
      <c r="C149" s="46"/>
      <c r="D149" s="149"/>
    </row>
    <row r="150" spans="1:4" s="2" customFormat="1" ht="35.25" customHeight="1" x14ac:dyDescent="0.25">
      <c r="A150" s="209"/>
      <c r="B150" s="87" t="s">
        <v>191</v>
      </c>
      <c r="C150" s="46"/>
      <c r="D150" s="69"/>
    </row>
    <row r="151" spans="1:4" s="2" customFormat="1" ht="74.25" customHeight="1" x14ac:dyDescent="0.25">
      <c r="A151" s="210"/>
      <c r="B151" s="88" t="s">
        <v>192</v>
      </c>
      <c r="C151" s="46"/>
      <c r="D151" s="151"/>
    </row>
    <row r="152" spans="1:4" s="2" customFormat="1" ht="119.25" customHeight="1" x14ac:dyDescent="0.25">
      <c r="A152" s="45" t="s">
        <v>54</v>
      </c>
      <c r="B152" s="92" t="s">
        <v>193</v>
      </c>
      <c r="C152" s="46"/>
      <c r="D152" s="150"/>
    </row>
    <row r="153" spans="1:4" s="2" customFormat="1" ht="264" customHeight="1" x14ac:dyDescent="0.25">
      <c r="A153" s="45" t="s">
        <v>55</v>
      </c>
      <c r="B153" s="23" t="s">
        <v>194</v>
      </c>
      <c r="C153" s="46"/>
      <c r="D153" s="56"/>
    </row>
    <row r="154" spans="1:4" s="2" customFormat="1" ht="133.5" customHeight="1" x14ac:dyDescent="0.25">
      <c r="A154" s="98" t="s">
        <v>56</v>
      </c>
      <c r="B154" s="154" t="s">
        <v>195</v>
      </c>
      <c r="C154" s="46"/>
      <c r="D154" s="152"/>
    </row>
    <row r="155" spans="1:4" s="2" customFormat="1" ht="138" customHeight="1" x14ac:dyDescent="0.25">
      <c r="A155" s="97" t="s">
        <v>196</v>
      </c>
      <c r="B155" s="88" t="s">
        <v>197</v>
      </c>
      <c r="C155" s="46"/>
      <c r="D155" s="150"/>
    </row>
    <row r="156" spans="1:4" s="2" customFormat="1" ht="123.75" customHeight="1" x14ac:dyDescent="0.25">
      <c r="A156" s="45" t="s">
        <v>57</v>
      </c>
      <c r="B156" s="23" t="s">
        <v>198</v>
      </c>
      <c r="C156" s="46"/>
      <c r="D156" s="56"/>
    </row>
    <row r="157" spans="1:4" s="2" customFormat="1" ht="50.25" customHeight="1" x14ac:dyDescent="0.25">
      <c r="A157" s="45" t="s">
        <v>58</v>
      </c>
      <c r="B157" s="23" t="s">
        <v>199</v>
      </c>
      <c r="C157" s="46"/>
      <c r="D157" s="56"/>
    </row>
    <row r="158" spans="1:4" s="2" customFormat="1" ht="58.5" customHeight="1" x14ac:dyDescent="0.25">
      <c r="A158" s="93" t="s">
        <v>59</v>
      </c>
      <c r="B158" s="92" t="s">
        <v>200</v>
      </c>
      <c r="C158" s="46"/>
      <c r="D158" s="56"/>
    </row>
    <row r="159" spans="1:4" s="2" customFormat="1" ht="99" customHeight="1" x14ac:dyDescent="0.25">
      <c r="A159" s="93" t="s">
        <v>60</v>
      </c>
      <c r="B159" s="23" t="s">
        <v>201</v>
      </c>
      <c r="C159" s="46"/>
      <c r="D159" s="56"/>
    </row>
    <row r="160" spans="1:4" s="2" customFormat="1" ht="225.75" customHeight="1" x14ac:dyDescent="0.25">
      <c r="A160" s="93" t="s">
        <v>61</v>
      </c>
      <c r="B160" s="94" t="s">
        <v>202</v>
      </c>
      <c r="C160" s="46"/>
      <c r="D160" s="56"/>
    </row>
    <row r="161" spans="1:5" s="2" customFormat="1" ht="123" customHeight="1" x14ac:dyDescent="0.25">
      <c r="A161" s="93" t="s">
        <v>63</v>
      </c>
      <c r="B161" s="23" t="s">
        <v>203</v>
      </c>
      <c r="C161" s="46"/>
      <c r="D161" s="56"/>
    </row>
    <row r="162" spans="1:5" s="2" customFormat="1" ht="130.5" customHeight="1" x14ac:dyDescent="0.25">
      <c r="A162" s="93" t="s">
        <v>64</v>
      </c>
      <c r="B162" s="23" t="s">
        <v>204</v>
      </c>
      <c r="C162" s="46"/>
      <c r="D162" s="56"/>
    </row>
    <row r="163" spans="1:5" s="2" customFormat="1" ht="122.25" customHeight="1" x14ac:dyDescent="0.25">
      <c r="A163" s="93" t="s">
        <v>65</v>
      </c>
      <c r="B163" s="23" t="s">
        <v>205</v>
      </c>
      <c r="C163" s="46"/>
      <c r="D163" s="56"/>
    </row>
    <row r="164" spans="1:5" s="2" customFormat="1" ht="49.5" customHeight="1" x14ac:dyDescent="0.25">
      <c r="A164" s="93" t="s">
        <v>66</v>
      </c>
      <c r="B164" s="23" t="s">
        <v>206</v>
      </c>
      <c r="C164" s="46"/>
      <c r="D164" s="56"/>
    </row>
    <row r="165" spans="1:5" s="3" customFormat="1" ht="6.75" customHeight="1" x14ac:dyDescent="0.25">
      <c r="A165" s="108"/>
      <c r="B165" s="109"/>
      <c r="C165" s="7"/>
      <c r="D165" s="7"/>
      <c r="E165" s="2"/>
    </row>
    <row r="166" spans="1:5" s="2" customFormat="1" ht="20.100000000000001" customHeight="1" x14ac:dyDescent="0.25">
      <c r="A166" s="188" t="s">
        <v>44</v>
      </c>
      <c r="B166" s="188"/>
      <c r="C166" s="188"/>
      <c r="D166" s="188"/>
    </row>
    <row r="167" spans="1:5" s="2" customFormat="1" ht="4.5" customHeight="1" thickBot="1" x14ac:dyDescent="0.3"/>
    <row r="168" spans="1:5" s="2" customFormat="1" ht="87" customHeight="1" x14ac:dyDescent="0.25">
      <c r="A168" s="195" t="s">
        <v>88</v>
      </c>
      <c r="B168" s="196"/>
      <c r="C168" s="172" t="s">
        <v>45</v>
      </c>
      <c r="D168" s="173"/>
    </row>
    <row r="169" spans="1:5" s="3" customFormat="1" ht="29.25" customHeight="1" thickBot="1" x14ac:dyDescent="0.3">
      <c r="A169" s="197"/>
      <c r="B169" s="198"/>
      <c r="C169" s="20" t="s">
        <v>6</v>
      </c>
      <c r="D169" s="57" t="s">
        <v>23</v>
      </c>
      <c r="E169" s="2"/>
    </row>
    <row r="170" spans="1:5" s="3" customFormat="1" ht="33.75" customHeight="1" x14ac:dyDescent="0.25">
      <c r="A170" s="63" t="s">
        <v>11</v>
      </c>
      <c r="B170" s="64" t="s">
        <v>89</v>
      </c>
      <c r="C170" s="36"/>
      <c r="D170" s="65"/>
      <c r="E170" s="2"/>
    </row>
    <row r="171" spans="1:5" s="3" customFormat="1" ht="58.5" customHeight="1" x14ac:dyDescent="0.25">
      <c r="A171" s="107" t="s">
        <v>46</v>
      </c>
      <c r="B171" s="69" t="s">
        <v>79</v>
      </c>
      <c r="C171" s="49"/>
      <c r="D171" s="66"/>
      <c r="E171" s="2"/>
    </row>
    <row r="172" spans="1:5" s="3" customFormat="1" ht="45" customHeight="1" x14ac:dyDescent="0.25">
      <c r="A172" s="107" t="s">
        <v>47</v>
      </c>
      <c r="B172" s="55" t="s">
        <v>67</v>
      </c>
      <c r="C172" s="49"/>
      <c r="D172" s="66"/>
      <c r="E172" s="2"/>
    </row>
    <row r="173" spans="1:5" s="3" customFormat="1" ht="98.25" customHeight="1" thickBot="1" x14ac:dyDescent="0.3">
      <c r="A173" s="144" t="s">
        <v>48</v>
      </c>
      <c r="B173" s="145" t="s">
        <v>90</v>
      </c>
      <c r="C173" s="146"/>
      <c r="D173" s="147"/>
      <c r="E173" s="2"/>
    </row>
    <row r="174" spans="1:5" s="2" customFormat="1" ht="5.0999999999999996" customHeight="1" x14ac:dyDescent="0.25">
      <c r="A174" s="5"/>
      <c r="B174" s="5"/>
      <c r="C174" s="7"/>
      <c r="D174" s="7"/>
    </row>
    <row r="175" spans="1:5" s="2" customFormat="1" ht="20.100000000000001" customHeight="1" x14ac:dyDescent="0.25">
      <c r="A175" s="188" t="s">
        <v>10</v>
      </c>
      <c r="B175" s="188"/>
      <c r="C175" s="188"/>
      <c r="D175" s="188"/>
    </row>
    <row r="176" spans="1:5" s="3" customFormat="1" ht="30" customHeight="1" x14ac:dyDescent="0.25">
      <c r="A176" s="22" t="s">
        <v>12</v>
      </c>
      <c r="B176" s="189" t="s">
        <v>77</v>
      </c>
      <c r="C176" s="189"/>
      <c r="D176" s="189"/>
      <c r="E176" s="2"/>
    </row>
    <row r="177" spans="1:5" s="25" customFormat="1" ht="30" customHeight="1" x14ac:dyDescent="0.25">
      <c r="A177" s="22" t="s">
        <v>24</v>
      </c>
      <c r="B177" s="189" t="s">
        <v>25</v>
      </c>
      <c r="C177" s="189"/>
      <c r="D177" s="189"/>
      <c r="E177" s="2"/>
    </row>
    <row r="178" spans="1:5" s="25" customFormat="1" ht="30" customHeight="1" x14ac:dyDescent="0.25">
      <c r="A178" s="190" t="s">
        <v>26</v>
      </c>
      <c r="B178" s="190"/>
      <c r="C178" s="190"/>
      <c r="D178" s="190"/>
      <c r="E178" s="2"/>
    </row>
    <row r="179" spans="1:5" s="2" customFormat="1" ht="24.95" customHeight="1" x14ac:dyDescent="0.2">
      <c r="A179" s="24" t="s">
        <v>27</v>
      </c>
      <c r="B179" s="192"/>
      <c r="C179" s="192"/>
    </row>
    <row r="180" spans="1:5" s="2" customFormat="1" ht="24.95" customHeight="1" x14ac:dyDescent="0.2">
      <c r="A180" s="24" t="s">
        <v>28</v>
      </c>
      <c r="B180" s="193"/>
      <c r="C180" s="193"/>
    </row>
    <row r="181" spans="1:5" s="2" customFormat="1" ht="24.95" customHeight="1" x14ac:dyDescent="0.25">
      <c r="A181" s="24" t="s">
        <v>29</v>
      </c>
      <c r="B181" s="194"/>
      <c r="C181" s="194"/>
    </row>
    <row r="182" spans="1:5" s="3" customFormat="1" ht="24.95" customHeight="1" x14ac:dyDescent="0.25">
      <c r="A182" s="24" t="s">
        <v>30</v>
      </c>
      <c r="B182" s="194"/>
      <c r="C182" s="194"/>
      <c r="D182" s="2"/>
      <c r="E182" s="2"/>
    </row>
    <row r="183" spans="1:5" s="2" customFormat="1" ht="14.25" customHeight="1" x14ac:dyDescent="0.2">
      <c r="A183" s="11"/>
      <c r="B183" s="12"/>
      <c r="C183" s="12"/>
    </row>
    <row r="184" spans="1:5" s="3" customFormat="1" ht="15" customHeight="1" x14ac:dyDescent="0.25">
      <c r="A184" s="191" t="s">
        <v>31</v>
      </c>
      <c r="B184" s="191"/>
      <c r="C184" s="191"/>
      <c r="D184" s="191"/>
    </row>
    <row r="185" spans="1:5" s="2" customFormat="1" ht="36.75" customHeight="1" x14ac:dyDescent="0.25">
      <c r="A185" s="187" t="s">
        <v>41</v>
      </c>
      <c r="B185" s="187"/>
      <c r="C185" s="187"/>
      <c r="D185" s="187"/>
    </row>
    <row r="186" spans="1:5" s="2" customFormat="1" ht="20.100000000000001" customHeight="1" x14ac:dyDescent="0.2">
      <c r="A186" s="1"/>
      <c r="B186" s="1"/>
      <c r="C186" s="8"/>
      <c r="D186" s="8"/>
    </row>
    <row r="187" spans="1:5" s="3" customFormat="1" ht="4.5" customHeight="1" x14ac:dyDescent="0.2">
      <c r="A187" s="1"/>
      <c r="B187" s="1"/>
      <c r="C187" s="8"/>
      <c r="D187" s="8"/>
    </row>
    <row r="188" spans="1:5" s="3" customFormat="1" ht="20.100000000000001" customHeight="1" x14ac:dyDescent="0.25">
      <c r="A188" s="26" t="s">
        <v>32</v>
      </c>
      <c r="B188" s="27"/>
      <c r="C188" s="28" t="s">
        <v>33</v>
      </c>
      <c r="D188" s="52"/>
    </row>
    <row r="189" spans="1:5" s="3" customFormat="1" ht="20.100000000000001" customHeight="1" x14ac:dyDescent="0.25">
      <c r="A189" s="29"/>
      <c r="B189" s="29"/>
      <c r="C189" s="29"/>
      <c r="D189" s="30"/>
    </row>
    <row r="190" spans="1:5" ht="20.100000000000001" customHeight="1" x14ac:dyDescent="0.2">
      <c r="A190" s="26" t="s">
        <v>34</v>
      </c>
      <c r="B190" s="27"/>
      <c r="C190" s="31" t="s">
        <v>35</v>
      </c>
      <c r="D190" s="53"/>
    </row>
    <row r="191" spans="1:5" s="2" customFormat="1" ht="20.100000000000001" customHeight="1" x14ac:dyDescent="0.2">
      <c r="A191" s="1"/>
      <c r="B191" s="1"/>
      <c r="C191" s="31" t="s">
        <v>36</v>
      </c>
      <c r="D191" s="54"/>
    </row>
    <row r="192" spans="1:5" s="2" customFormat="1" ht="20.100000000000001" customHeight="1" x14ac:dyDescent="0.2">
      <c r="A192" s="1"/>
      <c r="B192" s="1"/>
      <c r="C192" s="32" t="s">
        <v>37</v>
      </c>
      <c r="D192" s="1"/>
    </row>
    <row r="193" spans="1:4" s="2" customFormat="1" ht="37.5" customHeight="1" x14ac:dyDescent="0.25"/>
    <row r="194" spans="1:4" s="2" customFormat="1" ht="24" customHeight="1" x14ac:dyDescent="0.25"/>
    <row r="195" spans="1:4" s="2" customFormat="1" ht="24" customHeight="1" x14ac:dyDescent="0.25"/>
    <row r="196" spans="1:4" s="2" customFormat="1" ht="24" customHeight="1" x14ac:dyDescent="0.25"/>
    <row r="197" spans="1:4" s="2" customFormat="1" ht="20.100000000000001" customHeight="1" x14ac:dyDescent="0.25"/>
    <row r="198" spans="1:4" s="2" customFormat="1" ht="20.100000000000001" customHeight="1" x14ac:dyDescent="0.25"/>
    <row r="199" spans="1:4" s="2" customFormat="1" ht="50.1" customHeight="1" x14ac:dyDescent="0.25"/>
    <row r="200" spans="1:4" s="2" customFormat="1" ht="43.5" customHeight="1" x14ac:dyDescent="0.25"/>
    <row r="201" spans="1:4" ht="24.75" customHeight="1" x14ac:dyDescent="0.2">
      <c r="A201" s="2"/>
      <c r="B201" s="2"/>
      <c r="C201" s="2"/>
      <c r="D201" s="2"/>
    </row>
    <row r="202" spans="1:4" x14ac:dyDescent="0.2">
      <c r="A202" s="2"/>
      <c r="B202" s="2"/>
      <c r="C202" s="2"/>
      <c r="D202" s="2"/>
    </row>
    <row r="203" spans="1:4" ht="20.100000000000001" customHeight="1" x14ac:dyDescent="0.2"/>
    <row r="204" spans="1:4" ht="4.5" customHeight="1" x14ac:dyDescent="0.2"/>
    <row r="205" spans="1:4" ht="20.100000000000001" customHeight="1" x14ac:dyDescent="0.2"/>
    <row r="206" spans="1:4" ht="20.100000000000001" customHeight="1" x14ac:dyDescent="0.2"/>
    <row r="207" spans="1:4" ht="20.100000000000001" customHeight="1" x14ac:dyDescent="0.2"/>
  </sheetData>
  <mergeCells count="68">
    <mergeCell ref="A145:A151"/>
    <mergeCell ref="A22:E22"/>
    <mergeCell ref="A20:C20"/>
    <mergeCell ref="A59:E59"/>
    <mergeCell ref="A63:D63"/>
    <mergeCell ref="A55:B55"/>
    <mergeCell ref="C61:D61"/>
    <mergeCell ref="A23:E23"/>
    <mergeCell ref="A37:E37"/>
    <mergeCell ref="A26:D26"/>
    <mergeCell ref="A24:C24"/>
    <mergeCell ref="A25:E25"/>
    <mergeCell ref="B34:C34"/>
    <mergeCell ref="A31:E31"/>
    <mergeCell ref="A33:E33"/>
    <mergeCell ref="A21:C21"/>
    <mergeCell ref="A27:B27"/>
    <mergeCell ref="A7:E7"/>
    <mergeCell ref="A1:E1"/>
    <mergeCell ref="A2:E2"/>
    <mergeCell ref="A3:E3"/>
    <mergeCell ref="A17:C17"/>
    <mergeCell ref="A8:D8"/>
    <mergeCell ref="A9:D9"/>
    <mergeCell ref="A11:D11"/>
    <mergeCell ref="A12:C12"/>
    <mergeCell ref="A13:B13"/>
    <mergeCell ref="A14:B14"/>
    <mergeCell ref="A15:B15"/>
    <mergeCell ref="A30:B30"/>
    <mergeCell ref="A185:D185"/>
    <mergeCell ref="A175:D175"/>
    <mergeCell ref="B176:D176"/>
    <mergeCell ref="B177:D177"/>
    <mergeCell ref="A178:D178"/>
    <mergeCell ref="A184:D184"/>
    <mergeCell ref="B179:C179"/>
    <mergeCell ref="B180:C180"/>
    <mergeCell ref="B181:C181"/>
    <mergeCell ref="B182:C182"/>
    <mergeCell ref="A166:D166"/>
    <mergeCell ref="A168:B169"/>
    <mergeCell ref="C168:D168"/>
    <mergeCell ref="A128:D128"/>
    <mergeCell ref="A130:B131"/>
    <mergeCell ref="C130:D130"/>
    <mergeCell ref="A64:B64"/>
    <mergeCell ref="A61:B62"/>
    <mergeCell ref="A116:D116"/>
    <mergeCell ref="A117:B117"/>
    <mergeCell ref="A122:D122"/>
    <mergeCell ref="A123:B123"/>
    <mergeCell ref="A106:D106"/>
    <mergeCell ref="A107:B107"/>
    <mergeCell ref="A99:D99"/>
    <mergeCell ref="A100:B100"/>
    <mergeCell ref="A86:B86"/>
    <mergeCell ref="B38:C38"/>
    <mergeCell ref="B44:C44"/>
    <mergeCell ref="A43:E43"/>
    <mergeCell ref="A85:D85"/>
    <mergeCell ref="A74:B74"/>
    <mergeCell ref="A40:E40"/>
    <mergeCell ref="A47:E47"/>
    <mergeCell ref="B48:C48"/>
    <mergeCell ref="B41:C41"/>
    <mergeCell ref="A51:E51"/>
    <mergeCell ref="B52:C52"/>
  </mergeCells>
  <conditionalFormatting sqref="C149:C164 C117:C121 C86:C97">
    <cfRule type="containsBlanks" dxfId="20" priority="60">
      <formula>LEN(TRIM(C86))=0</formula>
    </cfRule>
  </conditionalFormatting>
  <conditionalFormatting sqref="D190">
    <cfRule type="containsBlanks" dxfId="19" priority="59">
      <formula>LEN(TRIM(D190))=0</formula>
    </cfRule>
  </conditionalFormatting>
  <conditionalFormatting sqref="B188">
    <cfRule type="containsBlanks" dxfId="18" priority="57">
      <formula>LEN(TRIM(B188))=0</formula>
    </cfRule>
  </conditionalFormatting>
  <conditionalFormatting sqref="D191">
    <cfRule type="containsBlanks" dxfId="17" priority="58">
      <formula>LEN(TRIM(D191))=0</formula>
    </cfRule>
  </conditionalFormatting>
  <conditionalFormatting sqref="B190">
    <cfRule type="containsBlanks" dxfId="16" priority="56">
      <formula>LEN(TRIM(B190))=0</formula>
    </cfRule>
  </conditionalFormatting>
  <conditionalFormatting sqref="B4:B5">
    <cfRule type="containsBlanks" dxfId="15" priority="55">
      <formula>LEN(TRIM(B4))=0</formula>
    </cfRule>
  </conditionalFormatting>
  <conditionalFormatting sqref="C64:C65">
    <cfRule type="containsBlanks" dxfId="14" priority="54">
      <formula>LEN(TRIM(C64))=0</formula>
    </cfRule>
  </conditionalFormatting>
  <conditionalFormatting sqref="C66">
    <cfRule type="containsBlanks" dxfId="13" priority="53">
      <formula>LEN(TRIM(C66))=0</formula>
    </cfRule>
  </conditionalFormatting>
  <conditionalFormatting sqref="C170:C173">
    <cfRule type="containsBlanks" dxfId="12" priority="49">
      <formula>LEN(TRIM(C170))=0</formula>
    </cfRule>
  </conditionalFormatting>
  <conditionalFormatting sqref="B181:C181">
    <cfRule type="containsBlanks" dxfId="11" priority="45">
      <formula>LEN(TRIM(B181))=0</formula>
    </cfRule>
  </conditionalFormatting>
  <conditionalFormatting sqref="C67">
    <cfRule type="containsBlanks" dxfId="10" priority="31">
      <formula>LEN(TRIM(C67))=0</formula>
    </cfRule>
  </conditionalFormatting>
  <conditionalFormatting sqref="C80:C84">
    <cfRule type="containsBlanks" dxfId="9" priority="30">
      <formula>LEN(TRIM(C80))=0</formula>
    </cfRule>
  </conditionalFormatting>
  <conditionalFormatting sqref="C98">
    <cfRule type="containsBlanks" dxfId="8" priority="29">
      <formula>LEN(TRIM(C98))=0</formula>
    </cfRule>
  </conditionalFormatting>
  <conditionalFormatting sqref="C68">
    <cfRule type="containsBlanks" dxfId="7" priority="27">
      <formula>LEN(TRIM(C68))=0</formula>
    </cfRule>
  </conditionalFormatting>
  <conditionalFormatting sqref="C100:C105">
    <cfRule type="containsBlanks" dxfId="6" priority="25">
      <formula>LEN(TRIM(C100))=0</formula>
    </cfRule>
  </conditionalFormatting>
  <conditionalFormatting sqref="C107:C115">
    <cfRule type="containsBlanks" dxfId="5" priority="22">
      <formula>LEN(TRIM(C107))=0</formula>
    </cfRule>
  </conditionalFormatting>
  <conditionalFormatting sqref="C132:C140">
    <cfRule type="containsBlanks" dxfId="4" priority="13">
      <formula>LEN(TRIM(C132))=0</formula>
    </cfRule>
  </conditionalFormatting>
  <conditionalFormatting sqref="C141:C144">
    <cfRule type="containsBlanks" dxfId="3" priority="12">
      <formula>LEN(TRIM(C141))=0</formula>
    </cfRule>
  </conditionalFormatting>
  <conditionalFormatting sqref="C145:C148">
    <cfRule type="containsBlanks" dxfId="2" priority="11">
      <formula>LEN(TRIM(C145))=0</formula>
    </cfRule>
  </conditionalFormatting>
  <conditionalFormatting sqref="C69:C79">
    <cfRule type="containsBlanks" dxfId="1" priority="9">
      <formula>LEN(TRIM(C69))=0</formula>
    </cfRule>
  </conditionalFormatting>
  <conditionalFormatting sqref="C123:C126">
    <cfRule type="containsBlanks" dxfId="0" priority="1">
      <formula>LEN(TRIM(C123))=0</formula>
    </cfRule>
  </conditionalFormatting>
  <printOptions horizontalCentered="1"/>
  <pageMargins left="0.70866141732283472" right="0.70866141732283472" top="0.90625" bottom="0.74803149606299213" header="0.31496062992125984" footer="0.31496062992125984"/>
  <pageSetup paperSize="9" scale="5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7</xdr:row>
                    <xdr:rowOff>0</xdr:rowOff>
                  </from>
                  <to>
                    <xdr:col>0</xdr:col>
                    <xdr:colOff>885825</xdr:colOff>
                    <xdr:row>27</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8</xdr:row>
                    <xdr:rowOff>9525</xdr:rowOff>
                  </from>
                  <to>
                    <xdr:col>0</xdr:col>
                    <xdr:colOff>885825</xdr:colOff>
                    <xdr:row>28</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55</xdr:row>
                    <xdr:rowOff>9525</xdr:rowOff>
                  </from>
                  <to>
                    <xdr:col>0</xdr:col>
                    <xdr:colOff>885825</xdr:colOff>
                    <xdr:row>5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56</xdr:row>
                    <xdr:rowOff>0</xdr:rowOff>
                  </from>
                  <to>
                    <xdr:col>0</xdr:col>
                    <xdr:colOff>885825</xdr:colOff>
                    <xdr:row>5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10-17T09:43:58Z</cp:lastPrinted>
  <dcterms:created xsi:type="dcterms:W3CDTF">2017-04-21T05:51:15Z</dcterms:created>
  <dcterms:modified xsi:type="dcterms:W3CDTF">2022-11-28T09:49:18Z</dcterms:modified>
</cp:coreProperties>
</file>